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22"/>
  </p:notesMasterIdLst>
  <p:sldIdLst>
    <p:sldId id="256" r:id="rId12"/>
    <p:sldId id="17892" r:id="rId13"/>
    <p:sldId id="17893" r:id="rId14"/>
    <p:sldId id="17894" r:id="rId15"/>
    <p:sldId id="17868" r:id="rId16"/>
    <p:sldId id="17883" r:id="rId17"/>
    <p:sldId id="17881" r:id="rId18"/>
    <p:sldId id="17873" r:id="rId19"/>
    <p:sldId id="17874" r:id="rId20"/>
    <p:sldId id="17890" r:id="rId21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987" autoAdjust="0"/>
    <p:restoredTop sz="88954" autoAdjust="0"/>
  </p:normalViewPr>
  <p:slideViewPr>
    <p:cSldViewPr showGuides="1">
      <p:cViewPr varScale="1">
        <p:scale>
          <a:sx n="116" d="100"/>
          <a:sy n="116" d="100"/>
        </p:scale>
        <p:origin x="102" y="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10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2-06-2023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Goddag og tak fordi jeg må fortælle om vores projekt på dagkirurgisk afdeling, Hvidovre hospital som handler om </a:t>
            </a:r>
            <a:r>
              <a:rPr lang="da-DK" dirty="0" err="1"/>
              <a:t>Quality</a:t>
            </a:r>
            <a:r>
              <a:rPr lang="da-DK" dirty="0"/>
              <a:t> of Recovery efter </a:t>
            </a:r>
            <a:r>
              <a:rPr lang="da-DK" dirty="0" err="1"/>
              <a:t>elektiv</a:t>
            </a:r>
            <a:r>
              <a:rPr lang="da-DK" dirty="0"/>
              <a:t> kirurgi målt med digital QoR-15 spørgeskema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b="1" cap="none" dirty="0"/>
              <a:t>Eller med </a:t>
            </a:r>
            <a:r>
              <a:rPr lang="en-US" sz="1200" b="1" cap="none" dirty="0" err="1"/>
              <a:t>andre</a:t>
            </a:r>
            <a:r>
              <a:rPr lang="en-US" sz="1200" b="1" cap="none" dirty="0"/>
              <a:t> </a:t>
            </a:r>
            <a:r>
              <a:rPr lang="en-US" sz="1200" b="1" cap="none" dirty="0" err="1"/>
              <a:t>ord</a:t>
            </a:r>
            <a:r>
              <a:rPr lang="en-US" sz="1200" b="1" cap="none" dirty="0"/>
              <a:t> er QoR-15</a:t>
            </a:r>
            <a:r>
              <a:rPr lang="en-US" sz="1200" cap="none" dirty="0">
                <a:effectLst/>
              </a:rPr>
              <a:t> et </a:t>
            </a:r>
            <a:r>
              <a:rPr lang="en-US" sz="1200" cap="none" dirty="0" err="1">
                <a:effectLst/>
              </a:rPr>
              <a:t>valideret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spørgeskema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til</a:t>
            </a:r>
            <a:r>
              <a:rPr lang="en-US" sz="1200" cap="none" dirty="0">
                <a:effectLst/>
              </a:rPr>
              <a:t> at </a:t>
            </a:r>
            <a:r>
              <a:rPr lang="en-US" sz="1200" cap="none" dirty="0" err="1">
                <a:effectLst/>
              </a:rPr>
              <a:t>måle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hvor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godt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patienterne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kommer</a:t>
            </a:r>
            <a:r>
              <a:rPr lang="en-US" sz="1200" cap="none" dirty="0">
                <a:effectLst/>
              </a:rPr>
              <a:t> sig </a:t>
            </a:r>
            <a:r>
              <a:rPr lang="en-US" sz="1200" cap="none" dirty="0" err="1">
                <a:effectLst/>
              </a:rPr>
              <a:t>efter</a:t>
            </a:r>
            <a:r>
              <a:rPr lang="en-US" sz="1200" cap="none" dirty="0">
                <a:effectLst/>
              </a:rPr>
              <a:t> operation </a:t>
            </a:r>
            <a:r>
              <a:rPr lang="en-US" sz="1200" cap="none" dirty="0" err="1">
                <a:effectLst/>
              </a:rPr>
              <a:t>ud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fra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deres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oplevelse</a:t>
            </a:r>
            <a:r>
              <a:rPr lang="en-US" sz="1200" cap="none" dirty="0">
                <a:effectLst/>
              </a:rPr>
              <a:t>.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cap="none" dirty="0" err="1">
                <a:effectLst/>
              </a:rPr>
              <a:t>Skalaen</a:t>
            </a:r>
            <a:r>
              <a:rPr lang="en-US" sz="1200" cap="none" dirty="0">
                <a:effectLst/>
              </a:rPr>
              <a:t>…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200" cap="none" dirty="0">
                <a:effectLst/>
              </a:rPr>
              <a:t>I </a:t>
            </a:r>
            <a:r>
              <a:rPr lang="en-US" sz="1200" cap="none" dirty="0" err="1">
                <a:effectLst/>
              </a:rPr>
              <a:t>februar</a:t>
            </a:r>
            <a:r>
              <a:rPr lang="en-US" sz="1200" cap="none" dirty="0">
                <a:effectLst/>
              </a:rPr>
              <a:t> 2022 </a:t>
            </a:r>
            <a:r>
              <a:rPr lang="en-US" sz="1200" cap="none" dirty="0" err="1">
                <a:effectLst/>
              </a:rPr>
              <a:t>blev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en</a:t>
            </a:r>
            <a:r>
              <a:rPr lang="en-US" sz="1200" cap="none" dirty="0">
                <a:effectLst/>
              </a:rPr>
              <a:t> digital version </a:t>
            </a:r>
            <a:r>
              <a:rPr lang="en-US" sz="1200" cap="none" dirty="0" err="1">
                <a:effectLst/>
              </a:rPr>
              <a:t>af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spørgeskemaet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implementeret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på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dagkirurgisk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afdeling</a:t>
            </a:r>
            <a:r>
              <a:rPr lang="en-US" sz="1200" cap="none" dirty="0">
                <a:effectLst/>
              </a:rPr>
              <a:t>, </a:t>
            </a:r>
            <a:r>
              <a:rPr lang="en-US" sz="1200" cap="none" dirty="0" err="1">
                <a:effectLst/>
              </a:rPr>
              <a:t>i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samarbejde</a:t>
            </a:r>
            <a:r>
              <a:rPr lang="en-US" sz="1200" cap="none" dirty="0">
                <a:effectLst/>
              </a:rPr>
              <a:t> med </a:t>
            </a:r>
            <a:r>
              <a:rPr lang="en-US" sz="1200" cap="none" dirty="0" err="1">
                <a:effectLst/>
              </a:rPr>
              <a:t>enhed</a:t>
            </a:r>
            <a:r>
              <a:rPr lang="en-US" sz="1200" cap="none" dirty="0">
                <a:effectLst/>
              </a:rPr>
              <a:t> for </a:t>
            </a:r>
            <a:r>
              <a:rPr lang="en-US" sz="1200" cap="none" dirty="0" err="1">
                <a:effectLst/>
              </a:rPr>
              <a:t>patientrelateret</a:t>
            </a:r>
            <a:r>
              <a:rPr lang="en-US" sz="1200" cap="none" dirty="0">
                <a:effectLst/>
              </a:rPr>
              <a:t> </a:t>
            </a:r>
            <a:r>
              <a:rPr lang="en-US" sz="1200" cap="none" dirty="0" err="1">
                <a:effectLst/>
              </a:rPr>
              <a:t>oplysninger</a:t>
            </a:r>
            <a:r>
              <a:rPr lang="en-US" sz="1200" cap="none" dirty="0">
                <a:effectLst/>
              </a:rPr>
              <a:t> region H. </a:t>
            </a:r>
            <a:r>
              <a:rPr lang="en-US" sz="1200" cap="none" dirty="0" err="1">
                <a:effectLst/>
              </a:rPr>
              <a:t>Spørgeskemaet</a:t>
            </a:r>
            <a:r>
              <a:rPr lang="en-US" sz="1200" cap="none" dirty="0">
                <a:effectLst/>
              </a:rPr>
              <a:t>…</a:t>
            </a:r>
            <a:endParaRPr lang="en-US" cap="none" dirty="0">
              <a:effectLst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cap="none" dirty="0">
                <a:effectLst/>
              </a:rPr>
              <a:t>Her </a:t>
            </a:r>
            <a:r>
              <a:rPr lang="en-US" cap="none" dirty="0" err="1">
                <a:effectLst/>
              </a:rPr>
              <a:t>kan</a:t>
            </a:r>
            <a:r>
              <a:rPr lang="en-US" cap="none" dirty="0">
                <a:effectLst/>
              </a:rPr>
              <a:t> I se </a:t>
            </a:r>
            <a:r>
              <a:rPr lang="en-US" cap="none" dirty="0" err="1">
                <a:effectLst/>
              </a:rPr>
              <a:t>hvordan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pørgeskemaet</a:t>
            </a:r>
            <a:r>
              <a:rPr lang="en-US" cap="none" dirty="0">
                <a:effectLst/>
              </a:rPr>
              <a:t> ser </a:t>
            </a:r>
            <a:r>
              <a:rPr lang="en-US" cap="none" dirty="0" err="1">
                <a:effectLst/>
              </a:rPr>
              <a:t>ud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om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papir-udgave</a:t>
            </a:r>
            <a:r>
              <a:rPr lang="en-US" cap="none" dirty="0">
                <a:effectLst/>
              </a:rPr>
              <a:t>. Som </a:t>
            </a:r>
            <a:r>
              <a:rPr lang="en-US" cap="none" dirty="0" err="1">
                <a:effectLst/>
              </a:rPr>
              <a:t>sag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ndeholder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kemaet</a:t>
            </a:r>
            <a:r>
              <a:rPr lang="en-US" cap="none" dirty="0">
                <a:effectLst/>
              </a:rPr>
              <a:t> 15 </a:t>
            </a:r>
            <a:r>
              <a:rPr lang="en-US" cap="none" dirty="0" err="1">
                <a:effectLst/>
              </a:rPr>
              <a:t>spørgsmål</a:t>
            </a:r>
            <a:r>
              <a:rPr lang="en-US" cap="none" dirty="0">
                <a:effectLst/>
              </a:rPr>
              <a:t> om </a:t>
            </a:r>
            <a:r>
              <a:rPr lang="en-US" cap="none" dirty="0" err="1">
                <a:effectLst/>
              </a:rPr>
              <a:t>hvordan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patientern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har</a:t>
            </a:r>
            <a:r>
              <a:rPr lang="en-US" cap="none" dirty="0">
                <a:effectLst/>
              </a:rPr>
              <a:t> haft det de </a:t>
            </a:r>
            <a:r>
              <a:rPr lang="en-US" cap="none" dirty="0" err="1">
                <a:effectLst/>
              </a:rPr>
              <a:t>sidste</a:t>
            </a:r>
            <a:r>
              <a:rPr lang="en-US" cap="none" dirty="0">
                <a:effectLst/>
              </a:rPr>
              <a:t> 24 timer. </a:t>
            </a:r>
            <a:r>
              <a:rPr lang="en-US" cap="none" dirty="0" err="1">
                <a:effectLst/>
              </a:rPr>
              <a:t>Skemaet</a:t>
            </a:r>
            <a:r>
              <a:rPr lang="en-US" cap="none" dirty="0">
                <a:effectLst/>
              </a:rPr>
              <a:t> er delt I 2 del, del A </a:t>
            </a:r>
            <a:r>
              <a:rPr lang="en-US" cap="none" dirty="0" err="1">
                <a:effectLst/>
              </a:rPr>
              <a:t>indeholder</a:t>
            </a:r>
            <a:r>
              <a:rPr lang="en-US" cap="none" dirty="0">
                <a:effectLst/>
              </a:rPr>
              <a:t> 10 </a:t>
            </a:r>
            <a:r>
              <a:rPr lang="en-US" cap="none" dirty="0" err="1">
                <a:effectLst/>
              </a:rPr>
              <a:t>spørgsmål</a:t>
            </a:r>
            <a:r>
              <a:rPr lang="en-US" cap="none" dirty="0">
                <a:effectLst/>
              </a:rPr>
              <a:t> om </a:t>
            </a:r>
            <a:r>
              <a:rPr lang="en-US" cap="none" dirty="0" err="1">
                <a:effectLst/>
              </a:rPr>
              <a:t>patientern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har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vær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</a:t>
            </a:r>
            <a:r>
              <a:rPr lang="en-US" cap="none" dirty="0">
                <a:effectLst/>
              </a:rPr>
              <a:t> stand </a:t>
            </a:r>
            <a:r>
              <a:rPr lang="en-US" cap="none" dirty="0" err="1">
                <a:effectLst/>
              </a:rPr>
              <a:t>til</a:t>
            </a:r>
            <a:r>
              <a:rPr lang="en-US" cap="none" dirty="0">
                <a:effectLst/>
              </a:rPr>
              <a:t> at </a:t>
            </a:r>
            <a:r>
              <a:rPr lang="en-US" cap="none" dirty="0" err="1">
                <a:effectLst/>
              </a:rPr>
              <a:t>nyde</a:t>
            </a:r>
            <a:r>
              <a:rPr lang="en-US" cap="none" dirty="0">
                <a:effectLst/>
              </a:rPr>
              <a:t> mad, </a:t>
            </a:r>
            <a:r>
              <a:rPr lang="en-US" cap="none" dirty="0" err="1">
                <a:effectLst/>
              </a:rPr>
              <a:t>sov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godt</a:t>
            </a:r>
            <a:r>
              <a:rPr lang="en-US" cap="none" dirty="0">
                <a:effectLst/>
              </a:rPr>
              <a:t>, </a:t>
            </a:r>
            <a:r>
              <a:rPr lang="en-US" cap="none" dirty="0" err="1">
                <a:effectLst/>
              </a:rPr>
              <a:t>vær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</a:t>
            </a:r>
            <a:r>
              <a:rPr lang="en-US" cap="none" dirty="0">
                <a:effectLst/>
              </a:rPr>
              <a:t> stand </a:t>
            </a:r>
            <a:r>
              <a:rPr lang="en-US" cap="none" dirty="0" err="1">
                <a:effectLst/>
              </a:rPr>
              <a:t>til</a:t>
            </a:r>
            <a:r>
              <a:rPr lang="en-US" cap="none" dirty="0">
                <a:effectLst/>
              </a:rPr>
              <a:t> at </a:t>
            </a:r>
            <a:r>
              <a:rPr lang="en-US" cap="none" dirty="0" err="1">
                <a:effectLst/>
              </a:rPr>
              <a:t>klar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personlig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pleje</a:t>
            </a:r>
            <a:r>
              <a:rPr lang="en-US" cap="none" dirty="0">
                <a:effectLst/>
              </a:rPr>
              <a:t> og hygiene, om de </a:t>
            </a:r>
            <a:r>
              <a:rPr lang="en-US" cap="none" dirty="0" err="1">
                <a:effectLst/>
              </a:rPr>
              <a:t>har</a:t>
            </a:r>
            <a:r>
              <a:rPr lang="en-US" cap="none" dirty="0">
                <a:effectLst/>
              </a:rPr>
              <a:t> haft </a:t>
            </a:r>
            <a:r>
              <a:rPr lang="en-US" cap="none" dirty="0" err="1">
                <a:effectLst/>
              </a:rPr>
              <a:t>en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følelse</a:t>
            </a:r>
            <a:r>
              <a:rPr lang="en-US" cap="none" dirty="0">
                <a:effectLst/>
              </a:rPr>
              <a:t> af general </a:t>
            </a:r>
            <a:r>
              <a:rPr lang="en-US" cap="none" dirty="0" err="1">
                <a:effectLst/>
              </a:rPr>
              <a:t>velvære</a:t>
            </a:r>
            <a:r>
              <a:rPr lang="en-US" cap="none" dirty="0">
                <a:effectLst/>
              </a:rPr>
              <a:t>. 0 er </a:t>
            </a:r>
            <a:r>
              <a:rPr lang="en-US" cap="none" dirty="0" err="1">
                <a:effectLst/>
              </a:rPr>
              <a:t>på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nt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tidspunk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og</a:t>
            </a:r>
            <a:r>
              <a:rPr lang="en-US" cap="none" dirty="0">
                <a:effectLst/>
              </a:rPr>
              <a:t> 10 hele </a:t>
            </a:r>
            <a:r>
              <a:rPr lang="en-US" cap="none" dirty="0" err="1">
                <a:effectLst/>
              </a:rPr>
              <a:t>tiden</a:t>
            </a:r>
            <a:r>
              <a:rPr lang="en-US" cap="none" dirty="0">
                <a:effectLst/>
              </a:rPr>
              <a:t>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cap="none" dirty="0">
                <a:effectLst/>
              </a:rPr>
              <a:t>Den </a:t>
            </a:r>
            <a:r>
              <a:rPr lang="en-US" cap="none" dirty="0" err="1">
                <a:effectLst/>
              </a:rPr>
              <a:t>sidste</a:t>
            </a:r>
            <a:r>
              <a:rPr lang="en-US" cap="none" dirty="0">
                <a:effectLst/>
              </a:rPr>
              <a:t> del </a:t>
            </a:r>
            <a:r>
              <a:rPr lang="en-US" cap="none" dirty="0" err="1">
                <a:effectLst/>
              </a:rPr>
              <a:t>af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kema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ndeholder</a:t>
            </a:r>
            <a:r>
              <a:rPr lang="en-US" cap="none" dirty="0">
                <a:effectLst/>
              </a:rPr>
              <a:t> 5 </a:t>
            </a:r>
            <a:r>
              <a:rPr lang="en-US" cap="none" dirty="0" err="1">
                <a:effectLst/>
              </a:rPr>
              <a:t>spørgsmål</a:t>
            </a:r>
            <a:r>
              <a:rPr lang="en-US" cap="none" dirty="0">
                <a:effectLst/>
              </a:rPr>
              <a:t> om </a:t>
            </a:r>
            <a:r>
              <a:rPr lang="en-US" cap="none" dirty="0" err="1">
                <a:effectLst/>
              </a:rPr>
              <a:t>smerter</a:t>
            </a:r>
            <a:r>
              <a:rPr lang="en-US" cap="none" dirty="0">
                <a:effectLst/>
              </a:rPr>
              <a:t>, </a:t>
            </a:r>
            <a:r>
              <a:rPr lang="en-US" cap="none" dirty="0" err="1">
                <a:effectLst/>
              </a:rPr>
              <a:t>kvalm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og</a:t>
            </a:r>
            <a:r>
              <a:rPr lang="en-US" cap="none" dirty="0">
                <a:effectLst/>
              </a:rPr>
              <a:t> om </a:t>
            </a:r>
            <a:r>
              <a:rPr lang="en-US" cap="none" dirty="0" err="1">
                <a:effectLst/>
              </a:rPr>
              <a:t>patienternes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følelsesmæssig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tilstand</a:t>
            </a:r>
            <a:r>
              <a:rPr lang="en-US" cap="none" dirty="0">
                <a:effectLst/>
              </a:rPr>
              <a:t>. 10 </a:t>
            </a:r>
            <a:r>
              <a:rPr lang="en-US" cap="none" dirty="0" err="1">
                <a:effectLst/>
              </a:rPr>
              <a:t>på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int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tidspunk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og</a:t>
            </a:r>
            <a:r>
              <a:rPr lang="en-US" cap="none" dirty="0">
                <a:effectLst/>
              </a:rPr>
              <a:t> 0 hele </a:t>
            </a:r>
            <a:r>
              <a:rPr lang="en-US" cap="none" dirty="0" err="1">
                <a:effectLst/>
              </a:rPr>
              <a:t>tiden</a:t>
            </a:r>
            <a:r>
              <a:rPr lang="en-US" cap="none" dirty="0">
                <a:effectLst/>
              </a:rPr>
              <a:t>.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247859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QoR</a:t>
            </a:r>
            <a:r>
              <a:rPr lang="da-DK" dirty="0"/>
              <a:t> score benyttes…</a:t>
            </a:r>
          </a:p>
          <a:p>
            <a:r>
              <a:rPr lang="da-DK" dirty="0"/>
              <a:t>Spørgeskemaet anvendes også efter akut kirurgi, til både indlagte og ambulante patienter. Kan udfyldes 1 eller flere dage inden operation og efterfølgende på dage 1, 3, 7 og 30 dage efter operation. Det er klart at man forventer at jo længere tid det går jo højere den totale score bliver.</a:t>
            </a:r>
          </a:p>
          <a:p>
            <a:r>
              <a:rPr lang="da-DK" dirty="0"/>
              <a:t>Efter et studie fra 2018 kan </a:t>
            </a:r>
            <a:r>
              <a:rPr lang="da-DK" dirty="0" err="1"/>
              <a:t>QoR</a:t>
            </a:r>
            <a:r>
              <a:rPr lang="da-DK" dirty="0"/>
              <a:t> score </a:t>
            </a:r>
            <a:r>
              <a:rPr lang="da-DK" dirty="0" err="1"/>
              <a:t>categoriseres</a:t>
            </a:r>
            <a:r>
              <a:rPr lang="da-DK" dirty="0"/>
              <a:t> i fremragende hvis den totale score er 135… Denne </a:t>
            </a:r>
            <a:r>
              <a:rPr lang="da-DK" dirty="0" err="1"/>
              <a:t>klassification</a:t>
            </a:r>
            <a:r>
              <a:rPr lang="da-DK" dirty="0"/>
              <a:t> gøre det muligt at lave en </a:t>
            </a:r>
            <a:r>
              <a:rPr lang="da-DK" dirty="0" err="1"/>
              <a:t>qualitatitv</a:t>
            </a:r>
            <a:r>
              <a:rPr lang="da-DK" dirty="0"/>
              <a:t> vurdering af resultaterne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07220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er Kan I se en kort video af hvordan spørgeskemaet besvares i appen.</a:t>
            </a:r>
          </a:p>
          <a:p>
            <a:r>
              <a:rPr lang="da-DK" dirty="0"/>
              <a:t>Som I kan se tager det 5 sekunder at besvare skemaet </a:t>
            </a:r>
            <a:r>
              <a:rPr lang="da-DK" dirty="0">
                <a:sym typeface="Wingdings" panose="05000000000000000000" pitchFamily="2" charset="2"/>
              </a:rPr>
              <a:t>. Nej i gennemsnit tager det ca. 2,5 min, hvis appen virker 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8168730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>
                <a:effectLst/>
              </a:rPr>
              <a:t>Og</a:t>
            </a:r>
            <a:r>
              <a:rPr lang="en-US" sz="1200" dirty="0">
                <a:effectLst/>
              </a:rPr>
              <a:t> her er der </a:t>
            </a:r>
            <a:r>
              <a:rPr lang="en-US" sz="1200" dirty="0" err="1">
                <a:effectLst/>
              </a:rPr>
              <a:t>nogl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resultate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fra</a:t>
            </a:r>
            <a:r>
              <a:rPr lang="en-US" sz="1200" dirty="0">
                <a:effectLst/>
              </a:rPr>
              <a:t> det </a:t>
            </a:r>
            <a:r>
              <a:rPr lang="en-US" sz="1200" dirty="0" err="1">
                <a:effectLst/>
              </a:rPr>
              <a:t>først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å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projektet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ha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været</a:t>
            </a:r>
            <a:r>
              <a:rPr lang="en-US" sz="1200" dirty="0">
                <a:effectLst/>
              </a:rPr>
              <a:t> I gang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>
                <a:effectLst/>
              </a:rPr>
              <a:t>I </a:t>
            </a:r>
            <a:r>
              <a:rPr lang="en-US" sz="1200" dirty="0" err="1">
                <a:effectLst/>
              </a:rPr>
              <a:t>perioden</a:t>
            </a:r>
            <a:r>
              <a:rPr lang="en-US" sz="1200" dirty="0">
                <a:effectLst/>
              </a:rPr>
              <a:t>… I </a:t>
            </a:r>
            <a:r>
              <a:rPr lang="en-US" sz="1200" dirty="0" err="1">
                <a:effectLst/>
              </a:rPr>
              <a:t>dett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tal</a:t>
            </a:r>
            <a:r>
              <a:rPr lang="en-US" sz="1200" dirty="0">
                <a:effectLst/>
              </a:rPr>
              <a:t> er der </a:t>
            </a:r>
            <a:r>
              <a:rPr lang="en-US" sz="1200" dirty="0" err="1">
                <a:effectLst/>
              </a:rPr>
              <a:t>inkluderet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ikk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dansktalend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patiente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hvilke</a:t>
            </a:r>
            <a:r>
              <a:rPr lang="en-US" sz="1200" dirty="0">
                <a:effectLst/>
              </a:rPr>
              <a:t> vi </a:t>
            </a:r>
            <a:r>
              <a:rPr lang="en-US" sz="1200" dirty="0" err="1">
                <a:effectLst/>
              </a:rPr>
              <a:t>ha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en</a:t>
            </a:r>
            <a:r>
              <a:rPr lang="en-US" sz="1200" dirty="0">
                <a:effectLst/>
              </a:rPr>
              <a:t> del </a:t>
            </a:r>
            <a:r>
              <a:rPr lang="en-US" sz="1200" dirty="0" err="1">
                <a:effectLst/>
              </a:rPr>
              <a:t>af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på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Vestegen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og</a:t>
            </a:r>
            <a:r>
              <a:rPr lang="en-US" sz="1200" dirty="0">
                <a:effectLst/>
              </a:rPr>
              <a:t> der </a:t>
            </a:r>
            <a:r>
              <a:rPr lang="en-US" sz="1200" dirty="0" err="1">
                <a:effectLst/>
              </a:rPr>
              <a:t>skal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også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siges</a:t>
            </a:r>
            <a:r>
              <a:rPr lang="en-US" sz="1200" dirty="0">
                <a:effectLst/>
              </a:rPr>
              <a:t> at det er ca. </a:t>
            </a:r>
            <a:r>
              <a:rPr lang="en-US" sz="1200" dirty="0" err="1">
                <a:effectLst/>
              </a:rPr>
              <a:t>halvdelen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af</a:t>
            </a:r>
            <a:r>
              <a:rPr lang="en-US" sz="1200" dirty="0">
                <a:effectLst/>
              </a:rPr>
              <a:t> pt. </a:t>
            </a:r>
            <a:r>
              <a:rPr lang="en-US" sz="1200" dirty="0" err="1">
                <a:effectLst/>
              </a:rPr>
              <a:t>som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ha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downloadet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MinSP</a:t>
            </a:r>
            <a:endParaRPr lang="en-US" sz="1200" dirty="0">
              <a:effectLst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>
                <a:effectLst/>
              </a:rPr>
              <a:t>Af</a:t>
            </a:r>
            <a:r>
              <a:rPr lang="en-US" sz="1200" dirty="0">
                <a:effectLst/>
              </a:rPr>
              <a:t> de 5600 </a:t>
            </a:r>
            <a:r>
              <a:rPr lang="en-US" sz="1200" dirty="0" err="1">
                <a:effectLst/>
              </a:rPr>
              <a:t>patienter</a:t>
            </a:r>
            <a:r>
              <a:rPr lang="en-US" sz="1200" dirty="0">
                <a:effectLst/>
              </a:rPr>
              <a:t> var der 1330, </a:t>
            </a:r>
            <a:r>
              <a:rPr lang="en-US" sz="1200" dirty="0" err="1">
                <a:effectLst/>
              </a:rPr>
              <a:t>som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udfyldt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mindst</a:t>
            </a:r>
            <a:r>
              <a:rPr lang="en-US" sz="1200" dirty="0">
                <a:effectLst/>
              </a:rPr>
              <a:t>.. </a:t>
            </a:r>
            <a:r>
              <a:rPr lang="en-US" sz="1200" dirty="0" err="1">
                <a:effectLst/>
              </a:rPr>
              <a:t>Og</a:t>
            </a:r>
            <a:r>
              <a:rPr lang="en-US" sz="1200" dirty="0">
                <a:effectLst/>
              </a:rPr>
              <a:t> 990 </a:t>
            </a:r>
            <a:r>
              <a:rPr lang="en-US" sz="1200" dirty="0" err="1">
                <a:effectLst/>
              </a:rPr>
              <a:t>patienter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udfyldt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skemaet</a:t>
            </a:r>
            <a:r>
              <a:rPr lang="en-US" sz="1200" dirty="0">
                <a:effectLst/>
              </a:rPr>
              <a:t> 24 tim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>
                <a:effectLst/>
              </a:rPr>
              <a:t>Af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disse</a:t>
            </a:r>
            <a:r>
              <a:rPr lang="en-US" sz="1200" dirty="0">
                <a:effectLst/>
              </a:rPr>
              <a:t> </a:t>
            </a:r>
            <a:r>
              <a:rPr lang="en-US" sz="1200" dirty="0" err="1">
                <a:effectLst/>
              </a:rPr>
              <a:t>havde</a:t>
            </a:r>
            <a:r>
              <a:rPr lang="en-US" sz="1200" dirty="0">
                <a:effectLst/>
              </a:rPr>
              <a:t> 18% </a:t>
            </a:r>
            <a:r>
              <a:rPr lang="en-US" sz="1200" dirty="0" err="1">
                <a:effectLst/>
              </a:rPr>
              <a:t>fremragende</a:t>
            </a:r>
            <a:r>
              <a:rPr lang="en-US" sz="1200" dirty="0">
                <a:effectLst/>
              </a:rPr>
              <a:t> score, 26% god score, 44% </a:t>
            </a:r>
            <a:r>
              <a:rPr lang="en-US" sz="1200" dirty="0" err="1">
                <a:effectLst/>
              </a:rPr>
              <a:t>moderat</a:t>
            </a:r>
            <a:r>
              <a:rPr lang="en-US" sz="1200" dirty="0">
                <a:effectLst/>
              </a:rPr>
              <a:t> score </a:t>
            </a:r>
            <a:r>
              <a:rPr lang="en-US" sz="1200" dirty="0" err="1">
                <a:effectLst/>
              </a:rPr>
              <a:t>og</a:t>
            </a:r>
            <a:r>
              <a:rPr lang="en-US" sz="1200" dirty="0">
                <a:effectLst/>
              </a:rPr>
              <a:t> 22% </a:t>
            </a:r>
            <a:r>
              <a:rPr lang="en-US" sz="1200" dirty="0" err="1">
                <a:effectLst/>
              </a:rPr>
              <a:t>ringe</a:t>
            </a:r>
            <a:r>
              <a:rPr lang="en-US" sz="1200" dirty="0">
                <a:effectLst/>
              </a:rPr>
              <a:t> score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243672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På denne tabel kan I se svarhyppighed på de forskellige operationstyper. Det højeste svarhyppighed var fra pt. som fik lavet </a:t>
            </a:r>
            <a:r>
              <a:rPr lang="da-DK" dirty="0" err="1"/>
              <a:t>gynekologisk</a:t>
            </a:r>
            <a:r>
              <a:rPr lang="da-DK" dirty="0"/>
              <a:t> kirurgi med laser med 42%. Andre eksempler er </a:t>
            </a:r>
            <a:r>
              <a:rPr lang="da-DK" dirty="0" err="1"/>
              <a:t>knæartroskopier</a:t>
            </a:r>
            <a:r>
              <a:rPr lang="da-DK" dirty="0"/>
              <a:t> 31% og den laveste svarhyppighed var blandt EVAC og abort patienter med 11 % i svarhyppighed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222317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Øget promovering af appen </a:t>
            </a:r>
            <a:r>
              <a:rPr lang="da-DK" sz="120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inSP</a:t>
            </a:r>
            <a:r>
              <a:rPr lang="da-DK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og spørgeskemaet, kan være med at opnå højere </a:t>
            </a:r>
            <a:r>
              <a:rPr lang="da-DK" sz="12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esvarelsesprocent. Dette vil give </a:t>
            </a:r>
            <a:r>
              <a:rPr lang="da-DK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afdelingen mulighed for at monitorere kvaliteten af den enkelte patients behandling og forløb, samt at få et større overblik over patientgruppen og foretage sammenligninger mellem patienter, da data registreres direkte i SP og kan opsummeres i rapporter.</a:t>
            </a:r>
            <a:endParaRPr lang="da-DK" sz="1200" strike="sngStrike" dirty="0">
              <a:solidFill>
                <a:srgbClr val="FF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QoR15DK  er et velegnet redskab til at monitorere kvaliteten af de første 5 dages postoperative forløb efter dagkirurgiske operationer.  </a:t>
            </a:r>
            <a:endParaRPr lang="da-DK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0195610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50000"/>
              </a:lnSpc>
              <a:spcAft>
                <a:spcPts val="800"/>
              </a:spcAft>
            </a:pPr>
            <a:r>
              <a:rPr lang="da-DK" sz="1800" b="1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Det stigende digitalisering og brug af digitale patientrapporterede </a:t>
            </a:r>
            <a:r>
              <a:rPr lang="da-DK" sz="1800" b="1" dirty="0" err="1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oplsyninger</a:t>
            </a:r>
            <a:r>
              <a:rPr lang="da-DK" sz="1800" b="1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i det danske sundhedssystem har til formål at sætte fokus på patientens perspektiv på behandling og at øge </a:t>
            </a:r>
            <a:r>
              <a:rPr lang="da-DK" sz="1800" b="1" dirty="0" err="1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patientindragelse</a:t>
            </a:r>
            <a:r>
              <a:rPr lang="da-DK" sz="1800" b="1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. Implementering af spørgeskemaet QoR-15 giver mulighed for en struktureret og valideret kvalitetsopfølgning på alle kirurgiske indgreb og kan i fremtiden ved bredt implementering på tværs af afdelinger og hospitaler drage værdifulde erfaringer på patientoplevet kvalitet.</a:t>
            </a: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013304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t er vores ledelse i reception på vores afdeling som fejrede 10 års </a:t>
            </a:r>
            <a:r>
              <a:rPr lang="da-DK" dirty="0" err="1"/>
              <a:t>jubileum</a:t>
            </a:r>
            <a:r>
              <a:rPr lang="da-DK" dirty="0"/>
              <a:t> i januar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161624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2056931735" name="image" descr="{&quot;templafy&quot;:{&quot;id&quot;:&quot;246cec23-b50d-4227-bd3f-7bc2b1559e8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2127405820" name="image" descr="{&quot;templafy&quot;:{&quot;id&quot;:&quot;30ab37f5-c38e-4178-8fd7-c572c97eff7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aa5e1625-ad7f-4712-b0d0-3b30edeeca86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16a3c4ff-80c3-482d-8b93-d80eda76bae7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56630068" name="image" descr="{&quot;templafy&quot;:{&quot;id&quot;:&quot;18ba30ac-ebff-4762-90cd-28790e55d27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06365256" name="image" descr="{&quot;templafy&quot;:{&quot;id&quot;:&quot;74e422ef-f732-40ca-908b-cc40305db16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11729322" name="image" descr="{&quot;templafy&quot;:{&quot;id&quot;:&quot;4162c5ff-e32f-414c-ad0c-9937b3f462a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feba6b9e-0962-4409-b0e7-c3c7b438e159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29" name="text" descr="{&quot;templafy&quot;:{&quot;id&quot;:&quot;21f8849d-7ba0-4fb4-b332-9a06a6f5cc1b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30" name="text" descr="{&quot;templafy&quot;:{&quot;id&quot;:&quot;2513de26-c0f3-4a23-a937-0ffe156b44ea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30e6d130-b4cc-49ec-ab8a-684d98ed8584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423740254" name="image" descr="{&quot;templafy&quot;:{&quot;id&quot;:&quot;6bca3cea-9a8b-4854-8a88-1b9d5eee4913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390606631" name="image" descr="{&quot;templafy&quot;:{&quot;id&quot;:&quot;e91054a8-9038-45ee-82e1-2d25755899e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921119588" name="image" descr="{&quot;templafy&quot;:{&quot;id&quot;:&quot;6a2086c9-55f1-4079-ad73-ae8bfd5cdf5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68b89a95-6a81-4bd0-ae6d-44dd2e061055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0" name="text" descr="{&quot;templafy&quot;:{&quot;id&quot;:&quot;3cf77540-8c1d-4d07-8b12-2a5b8cc4951a&quot;}}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1" name="text" descr="{&quot;templafy&quot;:{&quot;id&quot;:&quot;818930c2-4bcb-4933-9ba9-3b48cd9c775f&quot;}}" hidden="1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e7b99c57-2bb2-40cb-9632-65bb9a1eb316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75365487" name="image" descr="{&quot;templafy&quot;:{&quot;id&quot;:&quot;cd98d2f4-a8d3-4ae7-9394-3cf06fcf9ff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389985119" name="image" descr="{&quot;templafy&quot;:{&quot;id&quot;:&quot;8bf27447-c7be-41c2-91f0-29f39c3488c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52454884" name="image" descr="{&quot;templafy&quot;:{&quot;id&quot;:&quot;d8c280cc-913a-4a5e-8fae-d021ff78df8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92616196" name="image" descr="{&quot;templafy&quot;:{&quot;id&quot;:&quot;1f733241-9f01-4364-96ce-8c5f5898c85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49618479" name="image" descr="{&quot;templafy&quot;:{&quot;id&quot;:&quot;56226872-8317-4a6d-84ff-c0a926b0003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4e26b83a-7a92-4854-9f1a-bb01f4d5ec5f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7" name="text" descr="{&quot;templafy&quot;:{&quot;id&quot;:&quot;9e5e3858-81c6-46af-9401-e756a004e19f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24045186" name="image" descr="{&quot;templafy&quot;:{&quot;id&quot;:&quot;60a3dfb8-6f04-44cf-9e02-a8689531177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bade2662-95d7-441d-bc38-633d9851a5b4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5" name="text" descr="{&quot;templafy&quot;:{&quot;id&quot;:&quot;f005d807-6f2a-415e-bcde-accc66f43cfc&quot;}}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6" name="text" descr="{&quot;templafy&quot;:{&quot;id&quot;:&quot;956afc51-d90b-47c1-a092-982891d1e05e&quot;}}" hidden="1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2da151bd-6306-4d7b-b531-ff202db7f814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12132710" name="image" descr="{&quot;templafy&quot;:{&quot;id&quot;:&quot;1a089b98-2777-44ba-b89a-22da5f7b5b1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056539652" name="image" descr="{&quot;templafy&quot;:{&quot;id&quot;:&quot;5cca2be4-c732-4f67-a24a-71ad84e03bd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93929959" name="image" descr="{&quot;templafy&quot;:{&quot;id&quot;:&quot;85ed18c9-0c95-4160-a64c-01c920bb9c7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58380770" name="image" descr="{&quot;templafy&quot;:{&quot;id&quot;:&quot;765a02b4-054a-46d9-940e-d82911707a6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06412832" name="image" descr="{&quot;templafy&quot;:{&quot;id&quot;:&quot;d14efaf2-37da-43cb-bc52-6bdab7443d0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114b6ec6-efc5-41da-960f-48fda8ba6840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1" name="text" descr="{&quot;templafy&quot;:{&quot;id&quot;:&quot;2e7f40f6-3408-4601-90f4-0a4fcb132c94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47521580" name="image" descr="{&quot;templafy&quot;:{&quot;id&quot;:&quot;a6bb71aa-48ef-48fa-967c-7e44f892f9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939944275" name="image" descr="{&quot;templafy&quot;:{&quot;id&quot;:&quot;78da96f6-1490-4780-803a-34b60b2f079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a6ad4670-bf38-4799-840c-7a312238785f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Amager og Hvidovre Hospital</a:t>
            </a:r>
          </a:p>
        </p:txBody>
      </p:sp>
      <p:sp>
        <p:nvSpPr>
          <p:cNvPr id="17" name="text" descr="{&quot;templafy&quot;:{&quot;id&quot;:&quot;d2624f78-30f4-45ec-a92e-b9a6dfca8c6a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agkirurgisk afdeling</a:t>
            </a:r>
          </a:p>
        </p:txBody>
      </p:sp>
      <p:sp>
        <p:nvSpPr>
          <p:cNvPr id="19" name="text" descr="{&quot;templafy&quot;:{&quot;id&quot;:&quot;23756e82-26ff-4b3f-9740-59bec0d60408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38951409-791a-4cf9-b638-cbafe8d9e02a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661437799" name="image" descr="{&quot;templafy&quot;:{&quot;id&quot;:&quot;c1e2ec78-254b-4f6d-89cd-393559c0c56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41372652" name="image" descr="{&quot;templafy&quot;:{&quot;id&quot;:&quot;b365993e-1c03-4f0f-a7c4-3b2d7ffc53d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88d87b7d-6029-458c-b3a7-3a8de0c62f49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galy Meraz Engsig</a:t>
            </a:r>
          </a:p>
        </p:txBody>
      </p:sp>
      <p:sp>
        <p:nvSpPr>
          <p:cNvPr id="30" name="text" descr="{&quot;templafy&quot;:{&quot;id&quot;:&quot;83094403-ed59-49d1-a463-89ee6c3c4481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378022968" name="image" descr="{&quot;templafy&quot;:{&quot;id&quot;:&quot;1a0f1938-f514-4768-a55e-4cec3343673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650214150" name="image" descr="{&quot;templafy&quot;:{&quot;id&quot;:&quot;8d586042-5e61-462a-a7de-7a32ac685c9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991935837" name="image" descr="{&quot;templafy&quot;:{&quot;id&quot;:&quot;028cb8a8-c79b-421c-9c2c-c73bc1fcda2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9a44fc4d-eca0-4782-878f-22eb643d7dba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Amager og Hvidovre Hospital</a:t>
            </a:r>
          </a:p>
        </p:txBody>
      </p:sp>
      <p:sp>
        <p:nvSpPr>
          <p:cNvPr id="17" name="text" descr="{&quot;templafy&quot;:{&quot;id&quot;:&quot;efac51b8-0645-4a39-b7bf-2b9d25c608cd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Dagkirurgisk afdeling</a:t>
            </a:r>
          </a:p>
        </p:txBody>
      </p:sp>
      <p:sp>
        <p:nvSpPr>
          <p:cNvPr id="19" name="text" descr="{&quot;templafy&quot;:{&quot;id&quot;:&quot;3f13aeb4-81f3-4d0b-a6c4-5bc6817ea2af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1cd55a72-950b-4754-9f2c-6b1222c3f082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2757216" name="image" descr="{&quot;templafy&quot;:{&quot;id&quot;:&quot;15ac4f2e-7214-49a7-a5ca-94b01b23c2f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24488209" name="image" descr="{&quot;templafy&quot;:{&quot;id&quot;:&quot;6a54ac71-9201-4bc2-9c2a-62299259727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71ac38ef-d72a-4d70-b421-998ab6382e2c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galy Meraz Engsig</a:t>
            </a:r>
          </a:p>
        </p:txBody>
      </p:sp>
      <p:sp>
        <p:nvSpPr>
          <p:cNvPr id="30" name="text" descr="{&quot;templafy&quot;:{&quot;id&quot;:&quot;99f0a614-e147-4a3b-aae7-bfa012683bb7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618662706" name="image" descr="{&quot;templafy&quot;:{&quot;id&quot;:&quot;446933a3-7d53-4eb8-86ff-babd7558f86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866946811" name="image" descr="{&quot;templafy&quot;:{&quot;id&quot;:&quot;3382fa2d-e894-4f43-ba5d-009f18b1635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19053527" name="image" descr="{&quot;templafy&quot;:{&quot;id&quot;:&quot;f1f9f509-d736-49a3-9f5e-18417a3f506e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99169937" name="image" descr="{&quot;templafy&quot;:{&quot;id&quot;:&quot;20313fe6-7dd2-4263-abc5-f387a7cfb42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345549569" name="image" descr="{&quot;templafy&quot;:{&quot;id&quot;:&quot;38d5ac03-5198-473e-a47e-e2d07445440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44443855" name="image" descr="{&quot;templafy&quot;:{&quot;id&quot;:&quot;c894282f-71ed-4d1c-b82e-4e71c83dd08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ce36e4f7-2037-4bd7-8e67-9f35ae9c6098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2" name="text" descr="{&quot;templafy&quot;:{&quot;id&quot;:&quot;d495cae3-7c06-40ea-b61e-6f7650756ded&quot;}}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3" name="text" descr="{&quot;templafy&quot;:{&quot;id&quot;:&quot;b4681301-48a4-4dd7-9c55-4da646587d0f&quot;}}" hidden="1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1cc2e022-0a11-4ccd-99e9-8d2614dedaf4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66169725" name="image" descr="{&quot;templafy&quot;:{&quot;id&quot;:&quot;a68c1b0d-1b4c-4f3c-a202-d06c35e07ac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62426586" name="image" descr="{&quot;templafy&quot;:{&quot;id&quot;:&quot;f474505a-d1aa-4008-a635-f5c83202104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83257461" name="image" descr="{&quot;templafy&quot;:{&quot;id&quot;:&quot;c944e119-5d48-4e90-a2a2-4662a98505a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3686b626-4741-4d8f-a328-1456c8c69cbd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18" name="text" descr="{&quot;templafy&quot;:{&quot;id&quot;:&quot;c1bc46c9-b0a5-429a-82c1-b69d615e42ec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93750965" name="image" descr="{&quot;templafy&quot;:{&quot;id&quot;:&quot;9f72af2a-b782-4772-b6f3-d2111557129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135271211" name="image" descr="{&quot;templafy&quot;:{&quot;id&quot;:&quot;81ef6626-908c-4d68-9a18-85e9017192d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562609132" name="image" descr="{&quot;templafy&quot;:{&quot;id&quot;:&quot;a5ddad3e-4c21-483c-b4f3-7878f49985b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91137986" name="image" descr="{&quot;templafy&quot;:{&quot;id&quot;:&quot;9fa1a4ce-094d-4f65-b131-a78370916ca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ad2e65e5-4304-4f80-8fca-b422c78fa10f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Amager og Hvidovre Hospital</a:t>
            </a:r>
          </a:p>
        </p:txBody>
      </p:sp>
      <p:sp>
        <p:nvSpPr>
          <p:cNvPr id="27" name="text" descr="{&quot;templafy&quot;:{&quot;id&quot;:&quot;67251004-8cc2-4b0e-aa04-5a1cb9b8f8b1&quot;}}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Dagkirurgisk afdeling</a:t>
            </a:r>
          </a:p>
        </p:txBody>
      </p:sp>
      <p:sp>
        <p:nvSpPr>
          <p:cNvPr id="28" name="text" descr="{&quot;templafy&quot;:{&quot;id&quot;:&quot;b83e7f10-9310-4e2b-b93f-1995fd3c8ef4&quot;}}" hidden="1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36" name="text" descr="{&quot;templafy&quot;:{&quot;id&quot;:&quot;e9393320-a35d-48c7-9d10-3fb4d34c5321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3417394" name="image" descr="{&quot;templafy&quot;:{&quot;id&quot;:&quot;872f447b-ad5e-40c4-98b6-7a672f8456d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18700639" name="image" descr="{&quot;templafy&quot;:{&quot;id&quot;:&quot;f8bb0c79-217b-422f-a920-57d3a613c24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d3c58c4e-0ed7-435f-9948-f259397ed533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30" name="text" descr="{&quot;templafy&quot;:{&quot;id&quot;:&quot;4295380e-8793-4ec7-b8d4-b78a1238e44f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776002816" name="image" descr="{&quot;templafy&quot;:{&quot;id&quot;:&quot;6eda1a5f-e32f-45f2-952f-8f23bd9d04c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617720869" name="image" descr="{&quot;templafy&quot;:{&quot;id&quot;:&quot;5645e59a-987c-4de6-974b-257d0b8d147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907395927" name="image" descr="{&quot;templafy&quot;:{&quot;id&quot;:&quot;72413cfb-e409-4864-a0ab-85e92d6e6fb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f864dd17-4a1d-4123-95a5-4d918b164995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89323a69-4ba3-4f55-be71-26e3393d7ba3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35560365" name="image" descr="{&quot;templafy&quot;:{&quot;id&quot;:&quot;d7cbb35a-f15c-4dcf-b81d-465d3fd51ba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542719434" name="image" descr="{&quot;templafy&quot;:{&quot;id&quot;:&quot;dc5ee2d3-8b8c-4bc1-8288-a50e0b81714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97717197" name="image" descr="{&quot;templafy&quot;:{&quot;id&quot;:&quot;27b103cb-6515-423a-b908-22ee6fa2109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489e42f2-d2c7-4573-b843-96230ce97108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29" name="text" descr="{&quot;templafy&quot;:{&quot;id&quot;:&quot;c8f3a561-5cf7-47ac-bf18-8462a7b87d8d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30" name="text" descr="{&quot;templafy&quot;:{&quot;id&quot;:&quot;473ea428-47c5-4453-9a7d-5a3036f6c0fd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5528b923-3862-4685-a9f9-e87b6bfc53a8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88485055" name="image" descr="{&quot;templafy&quot;:{&quot;id&quot;:&quot;24d8ba99-b801-45c9-9ebc-02db6e9954b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625766112" name="image" descr="{&quot;templafy&quot;:{&quot;id&quot;:&quot;a23421c7-5dc8-4721-9df4-852e3d223ba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032473399" name="image" descr="{&quot;templafy&quot;:{&quot;id&quot;:&quot;073447f5-793d-4374-accf-3f29464d63a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1e75c0dd-be99-440a-bf81-f4554f17c8b6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7" name="text" descr="{&quot;templafy&quot;:{&quot;id&quot;:&quot;0e9e4b83-8e1a-41a2-a5d6-7b58be554a88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8" name="text" descr="{&quot;templafy&quot;:{&quot;id&quot;:&quot;8afe28b4-c5c7-46cd-9704-56739dd03ba5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35bfd44a-8c58-4774-99bd-5ca51cf12a50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274395447" name="image" descr="{&quot;templafy&quot;:{&quot;id&quot;:&quot;200aa954-51ae-4066-90cd-9ca13ffddb4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302064284" name="image" descr="{&quot;templafy&quot;:{&quot;id&quot;:&quot;8b2a1493-b169-4b9c-9f29-67444ec4b8a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477168359" name="image" descr="{&quot;templafy&quot;:{&quot;id&quot;:&quot;9fc4c9db-2810-436b-8dff-24cd0d39b0b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5660847" name="image" descr="{&quot;templafy&quot;:{&quot;id&quot;:&quot;361c9060-79a2-4059-a49b-5fccb741821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51368303" name="image" descr="{&quot;templafy&quot;:{&quot;id&quot;:&quot;6c3acf12-aeb9-4039-b82f-ec394e820f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1ededc74-296b-4cd2-964a-a411ce13e813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3" name="text" descr="{&quot;templafy&quot;:{&quot;id&quot;:&quot;f59983f0-2277-42fe-bb43-4e77e186bf93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715064016" name="image" descr="{&quot;templafy&quot;:{&quot;id&quot;:&quot;88787ea1-2260-4f66-b5b2-57317078c24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539019404" name="image" descr="{&quot;templafy&quot;:{&quot;id&quot;:&quot;d4cb5f9e-2d19-4be3-9242-20eaa5dbfaa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2c3e919f-093a-410f-8ea8-29a986bd3345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Amager og Hvidovre Hospital</a:t>
            </a:r>
          </a:p>
        </p:txBody>
      </p:sp>
      <p:sp>
        <p:nvSpPr>
          <p:cNvPr id="17" name="text" descr="{&quot;templafy&quot;:{&quot;id&quot;:&quot;d609ab11-2ccb-445b-9ad5-1a42df8509d9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agkirurgisk afdeling</a:t>
            </a:r>
          </a:p>
        </p:txBody>
      </p:sp>
      <p:sp>
        <p:nvSpPr>
          <p:cNvPr id="19" name="text" descr="{&quot;templafy&quot;:{&quot;id&quot;:&quot;1b4d1670-5138-40ec-abbf-39c6407c11ca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c441e938-c808-4719-867f-4bdcd425c857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153913118" name="image" descr="{&quot;templafy&quot;:{&quot;id&quot;:&quot;77c3528a-f34a-44a5-b5b4-cc8171cac0e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85162894" name="image" descr="{&quot;templafy&quot;:{&quot;id&quot;:&quot;f6d75786-617d-4963-9cc4-6dc041ec711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040201c3-d77e-4974-b3ad-bf26abb09da9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galy Meraz Engsig</a:t>
            </a:r>
          </a:p>
        </p:txBody>
      </p:sp>
      <p:sp>
        <p:nvSpPr>
          <p:cNvPr id="30" name="text" descr="{&quot;templafy&quot;:{&quot;id&quot;:&quot;19f0e4ff-9aa1-4c39-a3ee-21dc36838a20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374597885" name="image" descr="{&quot;templafy&quot;:{&quot;id&quot;:&quot;4e19dfa5-1310-461b-83af-86c2238afaf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64093498" name="image" descr="{&quot;templafy&quot;:{&quot;id&quot;:&quot;9ff27568-a98c-41e4-a020-eb3f0b89c5fd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28041281" name="image" descr="{&quot;templafy&quot;:{&quot;id&quot;:&quot;2eb6eaf2-5980-4d63-b3b7-9d73df7bacf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f765621e-4572-44d5-a9c3-9c40a0ed4ab6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1" name="text" descr="{&quot;templafy&quot;:{&quot;id&quot;:&quot;6cd3fd42-3a34-48eb-bd4d-acdfe7634beb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2" name="text" descr="{&quot;templafy&quot;:{&quot;id&quot;:&quot;fbc11bcf-6c53-4068-8da7-3cb79cef989e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33f82928-eeac-4296-8db2-bc7e9a2d557d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10922842" name="image" descr="{&quot;templafy&quot;:{&quot;id&quot;:&quot;a9c3c1a8-fe38-441b-b09a-126c5088c51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52887597" name="image" descr="{&quot;templafy&quot;:{&quot;id&quot;:&quot;b9587209-95fd-4978-8957-929f137acdb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37878208" name="image" descr="{&quot;templafy&quot;:{&quot;id&quot;:&quot;f04cdbc7-805e-470c-ad6e-472868a2e90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92099504" name="image" descr="{&quot;templafy&quot;:{&quot;id&quot;:&quot;fc1542eb-38f2-473b-b86e-fe4dacf2b2a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97224841" name="image" descr="{&quot;templafy&quot;:{&quot;id&quot;:&quot;a1d81c4c-bb29-42e4-956d-4ee1648683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5db87096-6bc4-4bae-ab11-98e436aa9983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7" name="text" descr="{&quot;templafy&quot;:{&quot;id&quot;:&quot;8f569ea9-cc74-488f-8bbd-c1f0ecf32b8e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611204249" name="image" descr="{&quot;templafy&quot;:{&quot;id&quot;:&quot;4159178e-98ec-4e0a-ba3b-108dfeadff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0da2f44f-bd8d-4cb9-9299-b1e5b1a080ae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0" name="text" descr="{&quot;templafy&quot;:{&quot;id&quot;:&quot;5bd70aae-fb02-4357-9738-8100481f91b1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2" name="text" descr="{&quot;templafy&quot;:{&quot;id&quot;:&quot;a143e7b6-cee0-4e01-945d-95b0902d2035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af6e2ebb-1b64-4436-a857-db641369529f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79354646" name="image" descr="{&quot;templafy&quot;:{&quot;id&quot;:&quot;ed0ab3c3-994d-47ca-95f3-19c629ad9f6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45999652" name="image" descr="{&quot;templafy&quot;:{&quot;id&quot;:&quot;56a7d8bc-9ff5-430d-b521-92ba8768193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71466867" name="image" descr="{&quot;templafy&quot;:{&quot;id&quot;:&quot;0465b45a-fbb8-4daa-a5e1-012d276933f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93793938" name="image" descr="{&quot;templafy&quot;:{&quot;id&quot;:&quot;04ff0a56-240b-4eae-b9f2-3fc1d5603e5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61729937" name="image" descr="{&quot;templafy&quot;:{&quot;id&quot;:&quot;497f104c-f785-4f80-a7d6-efc7a184ad7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890460a6-6916-4599-9a05-14fc70a74563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6" name="text" descr="{&quot;templafy&quot;:{&quot;id&quot;:&quot;a3f64fb1-5b71-4e68-8518-d9ba9996fd3c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989299663" name="image" descr="{&quot;templafy&quot;:{&quot;id&quot;:&quot;00f3376a-9721-495d-9dda-81fc09e3771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18bd16ee-4e2e-4c17-95de-1e59325bfe5e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9" name="text" descr="{&quot;templafy&quot;:{&quot;id&quot;:&quot;e853ed1f-70c0-4704-97b9-c06422ee864e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0" name="text" descr="{&quot;templafy&quot;:{&quot;id&quot;:&quot;c59127ca-2f62-4dbf-99d4-20cbf739fad3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093f0cd5-5a3b-4380-9309-31c3d5975a00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29540652" name="image" descr="{&quot;templafy&quot;:{&quot;id&quot;:&quot;797ef987-a3f7-4329-b179-35cf599c31e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58798835" name="image" descr="{&quot;templafy&quot;:{&quot;id&quot;:&quot;84f23ba7-ad50-432a-96b4-4367be4cf30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33191607" name="image" descr="{&quot;templafy&quot;:{&quot;id&quot;:&quot;636c3da5-e854-4a1a-b3c5-0099f62c78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96350375" name="image" descr="{&quot;templafy&quot;:{&quot;id&quot;:&quot;ddebf5e5-64c2-479d-914e-2c172071010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03265079" name="image" descr="{&quot;templafy&quot;:{&quot;id&quot;:&quot;f82c368d-e226-4256-bf82-7f486cb661e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aafde38d-e862-406b-99b1-7f56e6f9673c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6" name="text" descr="{&quot;templafy&quot;:{&quot;id&quot;:&quot;6c157d42-7d32-4f99-bd55-0fc3a5bada58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77653372" name="image" descr="{&quot;templafy&quot;:{&quot;id&quot;:&quot;5b40858a-3a2a-42a0-8026-b3ef835cdb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7b3ba6e2-14b2-4a16-b377-5d612b6e3914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0" name="text" descr="{&quot;templafy&quot;:{&quot;id&quot;:&quot;17516cd1-f356-4cee-8b68-f972b367132c&quot;}}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3" name="text" descr="{&quot;templafy&quot;:{&quot;id&quot;:&quot;7fc51c7d-9c5e-4103-9f6f-ae41abe0f9c6&quot;}}" hidden="1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5ea54a4f-5f59-42a6-81be-ea0534385f4b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109677911" name="image" descr="{&quot;templafy&quot;:{&quot;id&quot;:&quot;6661ffba-9c1a-4c87-aacd-5ae54c44190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80176222" name="image" descr="{&quot;templafy&quot;:{&quot;id&quot;:&quot;684f68d3-bbad-4c05-872f-5e8045bf544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77691305" name="image" descr="{&quot;templafy&quot;:{&quot;id&quot;:&quot;a1996c76-1f0b-40be-af93-eca44dac5eb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67854840" name="image" descr="{&quot;templafy&quot;:{&quot;id&quot;:&quot;bdc5ebed-9ffa-4b11-8aed-7543bb09f19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28643711" name="image" descr="{&quot;templafy&quot;:{&quot;id&quot;:&quot;34c6b892-c183-4e8e-a23b-bd2b26ef729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83051f6f-fd8c-47c9-9ea1-e51f094be199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9" name="text" descr="{&quot;templafy&quot;:{&quot;id&quot;:&quot;e7121500-5d7e-4636-92a8-c33df8b81b68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497790488" name="image" descr="{&quot;templafy&quot;:{&quot;id&quot;:&quot;12eaadfb-b718-41dd-a45a-f0613baf027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a115d7f6-af69-41a1-9b13-a665fa588e40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Amager og Hvidovre Hospital</a:t>
            </a:r>
          </a:p>
        </p:txBody>
      </p:sp>
      <p:sp>
        <p:nvSpPr>
          <p:cNvPr id="10" name="text" descr="{&quot;templafy&quot;:{&quot;id&quot;:&quot;6119a9f8-f569-4259-be8e-42f32f197958&quot;}}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Dagkirurgisk afdeling</a:t>
            </a:r>
          </a:p>
        </p:txBody>
      </p:sp>
      <p:sp>
        <p:nvSpPr>
          <p:cNvPr id="11" name="text" descr="{&quot;templafy&quot;:{&quot;id&quot;:&quot;c86fbee6-0270-4280-94f5-58e2fa58db9d&quot;}}" hidden="1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619d62a7-5f44-4b92-bb1f-ba183814ad7c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48925496" name="image" descr="{&quot;templafy&quot;:{&quot;id&quot;:&quot;e1858041-1d02-4cc5-ba2b-ab5327bacf8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841341252" name="image" descr="{&quot;templafy&quot;:{&quot;id&quot;:&quot;a9fffa81-b965-4932-a811-ef45d993731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83470907" name="image" descr="{&quot;templafy&quot;:{&quot;id&quot;:&quot;ca050d22-14fa-4219-b88c-9dc7020a318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46669039" name="image" descr="{&quot;templafy&quot;:{&quot;id&quot;:&quot;fdec226b-9d6a-4f13-8810-d9f0ef7cb9c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33957394" name="image" descr="{&quot;templafy&quot;:{&quot;id&quot;:&quot;9670374b-09b8-4bfe-9dff-733494f8665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5b3cbb43-fc2c-4bac-ad51-e09c15d59936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galy Meraz Engsig</a:t>
            </a:r>
          </a:p>
        </p:txBody>
      </p:sp>
      <p:sp>
        <p:nvSpPr>
          <p:cNvPr id="26" name="text" descr="{&quot;templafy&quot;:{&quot;id&quot;:&quot;2fe54076-91b5-48e4-a4cc-83ef5f4d2640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13633402" name="image" descr="{&quot;templafy&quot;:{&quot;id&quot;:&quot;2004da96-c28c-46da-be95-12028730b5f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e3368ed3-b6df-4e7d-8aa5-ea99a4d9d303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8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16.png"/><Relationship Id="rId4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200" dirty="0" err="1">
                <a:solidFill>
                  <a:srgbClr val="FFFFFF"/>
                </a:solidFill>
              </a:rPr>
              <a:t>Quality</a:t>
            </a:r>
            <a:r>
              <a:rPr lang="da-DK" sz="3200" dirty="0">
                <a:solidFill>
                  <a:srgbClr val="FFFFFF"/>
                </a:solidFill>
              </a:rPr>
              <a:t> of </a:t>
            </a:r>
            <a:r>
              <a:rPr lang="da-DK" sz="3200" dirty="0" err="1">
                <a:solidFill>
                  <a:srgbClr val="FFFFFF"/>
                </a:solidFill>
              </a:rPr>
              <a:t>recovery</a:t>
            </a:r>
            <a:r>
              <a:rPr lang="da-DK" sz="3200" dirty="0">
                <a:solidFill>
                  <a:srgbClr val="FFFFFF"/>
                </a:solidFill>
              </a:rPr>
              <a:t> (</a:t>
            </a:r>
            <a:r>
              <a:rPr lang="da-DK" sz="3200" dirty="0" err="1">
                <a:solidFill>
                  <a:srgbClr val="FFFFFF"/>
                </a:solidFill>
              </a:rPr>
              <a:t>QoR</a:t>
            </a:r>
            <a:r>
              <a:rPr lang="da-DK" sz="3200" dirty="0">
                <a:solidFill>
                  <a:srgbClr val="FFFFFF"/>
                </a:solidFill>
              </a:rPr>
              <a:t>) efter </a:t>
            </a:r>
            <a:r>
              <a:rPr lang="da-DK" sz="3200" dirty="0" err="1">
                <a:solidFill>
                  <a:srgbClr val="FFFFFF"/>
                </a:solidFill>
              </a:rPr>
              <a:t>elektiv</a:t>
            </a:r>
            <a:r>
              <a:rPr lang="da-DK" sz="3200" dirty="0">
                <a:solidFill>
                  <a:srgbClr val="FFFFFF"/>
                </a:solidFill>
              </a:rPr>
              <a:t> kirurgi, målt med digitalt QoR-15D spørgeskema.</a:t>
            </a:r>
            <a:br>
              <a:rPr lang="da-DK" sz="3200" dirty="0">
                <a:solidFill>
                  <a:srgbClr val="FFFFFF"/>
                </a:solidFill>
              </a:rPr>
            </a:br>
            <a:r>
              <a:rPr lang="da-DK" sz="3200" dirty="0">
                <a:solidFill>
                  <a:srgbClr val="FFFFFF"/>
                </a:solidFill>
              </a:rPr>
              <a:t>Dagkirurgisk Afdeling 141, Hvidovre Hospital</a:t>
            </a:r>
            <a:br>
              <a:rPr lang="da-DK" sz="3600" dirty="0">
                <a:solidFill>
                  <a:srgbClr val="FFFFFF"/>
                </a:solidFill>
              </a:rPr>
            </a:br>
            <a:br>
              <a:rPr lang="da-DK" sz="3600" dirty="0">
                <a:solidFill>
                  <a:srgbClr val="FFFFFF"/>
                </a:solidFill>
              </a:rPr>
            </a:br>
            <a:endParaRPr lang="da-DK" sz="3600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r"/>
            <a:r>
              <a:rPr lang="da-DK"/>
              <a:t>Overlæge Magaly Engsig</a:t>
            </a:r>
          </a:p>
          <a:p>
            <a:pPr algn="r"/>
            <a:r>
              <a:rPr lang="da-DK"/>
              <a:t>Overlæge Jens Bartholdy</a:t>
            </a:r>
          </a:p>
          <a:p>
            <a:pPr algn="r"/>
            <a:r>
              <a:rPr lang="da-DK"/>
              <a:t>Cheflæge J. Asger Petersen</a:t>
            </a:r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11BBF569-7132-42B2-B650-0231F1704E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br>
              <a:rPr lang="da-DK" dirty="0"/>
            </a:br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21F9E02-C3BB-18FF-99A2-6DFD435B7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12" name="Pladsholder til indhold 11">
            <a:extLst>
              <a:ext uri="{FF2B5EF4-FFF2-40B4-BE49-F238E27FC236}">
                <a16:creationId xmlns:a16="http://schemas.microsoft.com/office/drawing/2014/main" id="{20D9B5EE-7F95-3859-FB5F-0FC667911FA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052736"/>
            <a:ext cx="10136614" cy="3498850"/>
          </a:xfrm>
        </p:spPr>
        <p:txBody>
          <a:bodyPr/>
          <a:lstStyle/>
          <a:p>
            <a:pPr marL="0" indent="0">
              <a:buNone/>
            </a:pPr>
            <a:r>
              <a:rPr lang="da-DK" sz="3200" dirty="0"/>
              <a:t>Tak for jeres opmærksomhed</a:t>
            </a:r>
          </a:p>
        </p:txBody>
      </p:sp>
      <p:pic>
        <p:nvPicPr>
          <p:cNvPr id="6" name="Billede 5" descr="Et billede, der indeholder tøj, person, mur, indendørs&#10;&#10;Automatisk genereret beskrivelse">
            <a:extLst>
              <a:ext uri="{FF2B5EF4-FFF2-40B4-BE49-F238E27FC236}">
                <a16:creationId xmlns:a16="http://schemas.microsoft.com/office/drawing/2014/main" id="{FA4713BD-6A4B-85C5-A1F5-59159084A8E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60096" y="1700716"/>
            <a:ext cx="4248472" cy="4248472"/>
          </a:xfrm>
          <a:prstGeom prst="rect">
            <a:avLst/>
          </a:prstGeom>
        </p:spPr>
      </p:pic>
      <p:pic>
        <p:nvPicPr>
          <p:cNvPr id="3" name="Billede 2" descr="Et billede, der indeholder tekst, Mobiltelefon, skærmbillede, Font/skrifttype&#10;&#10;Automatisk genereret beskrivelse">
            <a:extLst>
              <a:ext uri="{FF2B5EF4-FFF2-40B4-BE49-F238E27FC236}">
                <a16:creationId xmlns:a16="http://schemas.microsoft.com/office/drawing/2014/main" id="{B545FFCA-C949-3E7D-9484-9447DC45904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9536" y="1880736"/>
            <a:ext cx="4005064" cy="40050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1939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F647006-3345-4816-A97E-7339BF62724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D0DB5D0-AC73-42B0-A572-42F8651871D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0CB9908-CFE9-48AD-8CBF-DCB69037E85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DDF208F4-3CC9-4914-B230-9D0B9F76746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171575" y="908720"/>
            <a:ext cx="5572497" cy="5379354"/>
          </a:xfrm>
        </p:spPr>
        <p:txBody>
          <a:bodyPr vert="horz" lIns="91440" tIns="45720" rIns="91440" bIns="45720" rtlCol="0" anchor="t">
            <a:normAutofit/>
          </a:bodyPr>
          <a:lstStyle/>
          <a:p>
            <a:pPr>
              <a:spcAft>
                <a:spcPts val="800"/>
              </a:spcAft>
            </a:pPr>
            <a:r>
              <a:rPr lang="en-US" b="1" cap="none" dirty="0"/>
              <a:t>Q</a:t>
            </a:r>
            <a:r>
              <a:rPr lang="en-US" b="1" cap="none" dirty="0">
                <a:effectLst/>
              </a:rPr>
              <a:t>oR-15 </a:t>
            </a:r>
            <a:r>
              <a:rPr lang="en-US" cap="none" dirty="0">
                <a:effectLst/>
              </a:rPr>
              <a:t>er et </a:t>
            </a:r>
            <a:r>
              <a:rPr lang="en-US" cap="none" dirty="0" err="1">
                <a:effectLst/>
              </a:rPr>
              <a:t>valideret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kvalitetsopfølgningsværktøj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beståend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af</a:t>
            </a:r>
            <a:r>
              <a:rPr lang="en-US" cap="none" dirty="0">
                <a:effectLst/>
              </a:rPr>
              <a:t> 15 </a:t>
            </a:r>
            <a:r>
              <a:rPr lang="en-US" cap="none" dirty="0" err="1">
                <a:effectLst/>
              </a:rPr>
              <a:t>spørgsmål</a:t>
            </a:r>
            <a:r>
              <a:rPr lang="en-US" cap="none" dirty="0">
                <a:effectLst/>
              </a:rPr>
              <a:t> om </a:t>
            </a:r>
            <a:r>
              <a:rPr lang="en-US" cap="none" dirty="0" err="1">
                <a:effectLst/>
              </a:rPr>
              <a:t>patientens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oplevelse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af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rehabilitering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på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merte</a:t>
            </a:r>
            <a:r>
              <a:rPr lang="en-US" cap="none" dirty="0">
                <a:effectLst/>
              </a:rPr>
              <a:t>, </a:t>
            </a:r>
            <a:r>
              <a:rPr lang="en-US" cap="none" dirty="0" err="1">
                <a:effectLst/>
              </a:rPr>
              <a:t>kvalme</a:t>
            </a:r>
            <a:r>
              <a:rPr lang="en-US" cap="none" dirty="0">
                <a:effectLst/>
              </a:rPr>
              <a:t>, </a:t>
            </a:r>
            <a:r>
              <a:rPr lang="en-US" cap="none" dirty="0" err="1">
                <a:effectLst/>
              </a:rPr>
              <a:t>mobilisering</a:t>
            </a:r>
            <a:r>
              <a:rPr lang="en-US" cap="none" dirty="0">
                <a:effectLst/>
              </a:rPr>
              <a:t>, angst </a:t>
            </a:r>
            <a:r>
              <a:rPr lang="en-US" cap="none" dirty="0" err="1">
                <a:effectLst/>
              </a:rPr>
              <a:t>og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søvn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efter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kirurgi</a:t>
            </a:r>
            <a:r>
              <a:rPr lang="en-US" cap="none" dirty="0">
                <a:effectLst/>
              </a:rPr>
              <a:t>. </a:t>
            </a:r>
          </a:p>
          <a:p>
            <a:pPr marL="0" indent="0">
              <a:spcAft>
                <a:spcPts val="800"/>
              </a:spcAft>
              <a:buNone/>
            </a:pPr>
            <a:endParaRPr lang="en-US" cap="none" dirty="0">
              <a:effectLst/>
            </a:endParaRPr>
          </a:p>
          <a:p>
            <a:pPr indent="-2286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cap="none" dirty="0">
                <a:effectLst/>
              </a:rPr>
              <a:t>Skala er </a:t>
            </a:r>
            <a:r>
              <a:rPr lang="en-US" cap="none" dirty="0" err="1">
                <a:effectLst/>
              </a:rPr>
              <a:t>fra</a:t>
            </a:r>
            <a:r>
              <a:rPr lang="en-US" cap="none" dirty="0">
                <a:effectLst/>
              </a:rPr>
              <a:t> 0-10, samlet score 0-150, </a:t>
            </a:r>
            <a:r>
              <a:rPr lang="en-US" cap="none" dirty="0" err="1">
                <a:effectLst/>
              </a:rPr>
              <a:t>hvor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en</a:t>
            </a:r>
            <a:r>
              <a:rPr lang="en-US" cap="none" dirty="0">
                <a:effectLst/>
              </a:rPr>
              <a:t> </a:t>
            </a:r>
            <a:r>
              <a:rPr lang="en-US" cap="none" dirty="0" err="1">
                <a:effectLst/>
              </a:rPr>
              <a:t>høj</a:t>
            </a:r>
            <a:r>
              <a:rPr lang="en-US" cap="none" dirty="0">
                <a:effectLst/>
              </a:rPr>
              <a:t> score </a:t>
            </a:r>
            <a:r>
              <a:rPr lang="en-US" cap="none" dirty="0" err="1">
                <a:effectLst/>
              </a:rPr>
              <a:t>indikerer</a:t>
            </a:r>
            <a:r>
              <a:rPr lang="en-US" cap="none" dirty="0">
                <a:effectLst/>
              </a:rPr>
              <a:t> god </a:t>
            </a:r>
            <a:r>
              <a:rPr lang="en-US" cap="none" dirty="0" err="1">
                <a:effectLst/>
              </a:rPr>
              <a:t>rehabilitering</a:t>
            </a:r>
            <a:r>
              <a:rPr lang="en-US" cap="none" dirty="0">
                <a:effectLst/>
              </a:rPr>
              <a:t>.</a:t>
            </a:r>
          </a:p>
          <a:p>
            <a:pPr>
              <a:spcAft>
                <a:spcPts val="800"/>
              </a:spcAft>
            </a:pPr>
            <a:endParaRPr lang="en-US" dirty="0">
              <a:effectLst/>
            </a:endParaRPr>
          </a:p>
          <a:p>
            <a:pPr indent="-2286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dirty="0" err="1">
                <a:effectLst/>
              </a:rPr>
              <a:t>Spørgeskemaet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bliver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udsendt</a:t>
            </a:r>
            <a:r>
              <a:rPr lang="en-US" dirty="0">
                <a:effectLst/>
              </a:rPr>
              <a:t> </a:t>
            </a:r>
            <a:r>
              <a:rPr lang="en-US" b="1" dirty="0" err="1">
                <a:effectLst/>
              </a:rPr>
              <a:t>til</a:t>
            </a:r>
            <a:r>
              <a:rPr lang="en-US" b="1" dirty="0">
                <a:effectLst/>
              </a:rPr>
              <a:t> alle </a:t>
            </a:r>
            <a:r>
              <a:rPr lang="en-US" b="1" dirty="0" err="1">
                <a:effectLst/>
              </a:rPr>
              <a:t>voksne</a:t>
            </a:r>
            <a:r>
              <a:rPr lang="en-US" b="1" dirty="0">
                <a:effectLst/>
              </a:rPr>
              <a:t>, </a:t>
            </a:r>
            <a:r>
              <a:rPr lang="en-US" b="1" dirty="0" err="1">
                <a:effectLst/>
              </a:rPr>
              <a:t>dansktalende</a:t>
            </a:r>
            <a:r>
              <a:rPr lang="en-US" b="1" dirty="0">
                <a:effectLst/>
              </a:rPr>
              <a:t> </a:t>
            </a:r>
            <a:r>
              <a:rPr lang="en-US" b="1" dirty="0" err="1">
                <a:effectLst/>
              </a:rPr>
              <a:t>patienter</a:t>
            </a:r>
            <a:r>
              <a:rPr lang="en-US" b="1" dirty="0">
                <a:effectLst/>
              </a:rPr>
              <a:t> </a:t>
            </a:r>
            <a:r>
              <a:rPr lang="en-US" dirty="0">
                <a:effectLst/>
              </a:rPr>
              <a:t>24 timer, 72 timer </a:t>
            </a:r>
            <a:r>
              <a:rPr lang="en-US" dirty="0" err="1">
                <a:effectLst/>
              </a:rPr>
              <a:t>og</a:t>
            </a:r>
            <a:r>
              <a:rPr lang="en-US" dirty="0">
                <a:effectLst/>
              </a:rPr>
              <a:t> 5 </a:t>
            </a:r>
            <a:r>
              <a:rPr lang="en-US" dirty="0" err="1">
                <a:effectLst/>
              </a:rPr>
              <a:t>dage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efter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kirurgi</a:t>
            </a:r>
            <a:r>
              <a:rPr lang="en-US" dirty="0">
                <a:effectLst/>
              </a:rPr>
              <a:t>, </a:t>
            </a:r>
            <a:r>
              <a:rPr lang="en-US" dirty="0" err="1">
                <a:effectLst/>
              </a:rPr>
              <a:t>og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kan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besvares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i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app´en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MinSP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eller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på</a:t>
            </a:r>
            <a:r>
              <a:rPr lang="en-US" dirty="0">
                <a:effectLst/>
              </a:rPr>
              <a:t> </a:t>
            </a:r>
            <a:r>
              <a:rPr lang="en-US" dirty="0" err="1">
                <a:effectLst/>
              </a:rPr>
              <a:t>hjemmesiden</a:t>
            </a:r>
            <a:r>
              <a:rPr lang="en-US" dirty="0">
                <a:effectLst/>
              </a:rPr>
              <a:t> minsundhedsplatform.dk.</a:t>
            </a:r>
          </a:p>
          <a:p>
            <a:pPr>
              <a:spcAft>
                <a:spcPts val="800"/>
              </a:spcAft>
            </a:pPr>
            <a:endParaRPr lang="en-US" sz="2000" cap="none" dirty="0">
              <a:effectLst/>
            </a:endParaRPr>
          </a:p>
          <a:p>
            <a:pPr indent="-22860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12" name="Pladsholder til indhold 4" descr="Et billede, der indeholder bord&#10;&#10;Automatisk genereret beskrivelse">
            <a:extLst>
              <a:ext uri="{FF2B5EF4-FFF2-40B4-BE49-F238E27FC236}">
                <a16:creationId xmlns:a16="http://schemas.microsoft.com/office/drawing/2014/main" id="{E0B05D8D-A4B3-4EC6-885C-61AAC0993427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32104" y="108022"/>
            <a:ext cx="4995660" cy="6633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97072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AF50844-1AD6-4C90-8801-27EE38A179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13" name="Pladsholder til indhold 11">
            <a:extLst>
              <a:ext uri="{FF2B5EF4-FFF2-40B4-BE49-F238E27FC236}">
                <a16:creationId xmlns:a16="http://schemas.microsoft.com/office/drawing/2014/main" id="{11D0B808-8462-42B0-8D27-4AC297465873}"/>
              </a:ext>
            </a:extLst>
          </p:cNvPr>
          <p:cNvSpPr txBox="1">
            <a:spLocks noGrp="1"/>
          </p:cNvSpPr>
          <p:nvPr>
            <p:ph sz="quarter" idx="13"/>
          </p:nvPr>
        </p:nvSpPr>
        <p:spPr>
          <a:xfrm>
            <a:off x="1373977" y="1196752"/>
            <a:ext cx="10136188" cy="4320480"/>
          </a:xfrm>
          <a:prstGeom prst="rect">
            <a:avLst/>
          </a:prstGeom>
        </p:spPr>
        <p:txBody>
          <a:bodyPr anchor="ctr">
            <a:normAutofit/>
          </a:bodyPr>
          <a:lstStyle/>
          <a:p>
            <a:pPr marL="0" indent="0">
              <a:spcAft>
                <a:spcPts val="800"/>
              </a:spcAft>
              <a:buNone/>
            </a:pPr>
            <a:r>
              <a:rPr lang="da-DK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QoR</a:t>
            </a:r>
            <a:r>
              <a:rPr lang="da-DK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-score benyttes allerede internationalt såvel som nationalt som opfølgning på den patientoplevede kvalitet i forbindelse med forskning og kvalitetsarbejde.  </a:t>
            </a:r>
          </a:p>
          <a:p>
            <a:pPr marL="0" indent="0">
              <a:spcAft>
                <a:spcPts val="800"/>
              </a:spcAft>
              <a:buNone/>
            </a:pPr>
            <a:endParaRPr lang="da-DK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indent="0">
              <a:spcAft>
                <a:spcPts val="800"/>
              </a:spcAft>
              <a:buNone/>
            </a:pPr>
            <a:r>
              <a:rPr lang="da-DK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QoR-15 score kan kategoriseres i </a:t>
            </a:r>
          </a:p>
          <a:p>
            <a:pPr>
              <a:spcAft>
                <a:spcPts val="800"/>
              </a:spcAft>
            </a:pP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Fremragende, &gt; 135</a:t>
            </a:r>
          </a:p>
          <a:p>
            <a:pPr>
              <a:spcAft>
                <a:spcPts val="800"/>
              </a:spcAft>
            </a:pPr>
            <a:r>
              <a:rPr lang="da-DK" dirty="0">
                <a:ea typeface="Calibri" panose="020F0502020204030204" pitchFamily="34" charset="0"/>
                <a:cs typeface="Times New Roman" panose="02020603050405020304" pitchFamily="18" charset="0"/>
              </a:rPr>
              <a:t>G</a:t>
            </a: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od, 122</a:t>
            </a:r>
            <a:r>
              <a:rPr lang="da-DK" dirty="0">
                <a:ea typeface="Calibri" panose="020F0502020204030204" pitchFamily="34" charset="0"/>
                <a:cs typeface="Times New Roman" panose="02020603050405020304" pitchFamily="18" charset="0"/>
              </a:rPr>
              <a:t>-</a:t>
            </a: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35</a:t>
            </a:r>
          </a:p>
          <a:p>
            <a:pPr>
              <a:spcAft>
                <a:spcPts val="800"/>
              </a:spcAft>
            </a:pP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Moderat, 90-121 </a:t>
            </a:r>
          </a:p>
          <a:p>
            <a:pPr>
              <a:spcAft>
                <a:spcPts val="800"/>
              </a:spcAft>
            </a:pP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Ringe, &lt; 90 </a:t>
            </a:r>
          </a:p>
          <a:p>
            <a:pPr marL="0" indent="0" algn="r">
              <a:spcAft>
                <a:spcPts val="800"/>
              </a:spcAft>
              <a:buNone/>
            </a:pPr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</a:rPr>
              <a:t>                </a:t>
            </a:r>
          </a:p>
          <a:p>
            <a:pPr marL="0" indent="0" algn="r">
              <a:spcAft>
                <a:spcPts val="800"/>
              </a:spcAft>
              <a:buNone/>
            </a:pPr>
            <a:r>
              <a:rPr lang="en-US" sz="1200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                                                                     </a:t>
            </a:r>
            <a:r>
              <a:rPr lang="en-US" sz="1400" dirty="0" err="1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Kleif</a:t>
            </a:r>
            <a:r>
              <a:rPr lang="en-US" sz="1400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 J, </a:t>
            </a:r>
            <a:r>
              <a:rPr lang="en-US" sz="1400" dirty="0" err="1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Gögenur</a:t>
            </a:r>
            <a:r>
              <a:rPr lang="en-US" sz="1400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 I. Severity classification of the quality of recovery-15 score: an observational study. J. </a:t>
            </a:r>
            <a:r>
              <a:rPr lang="en-US" sz="1400" dirty="0">
                <a:latin typeface="Arial" panose="020B0604020202020204" pitchFamily="34" charset="0"/>
                <a:ea typeface="Calibri" panose="020F0502020204030204" pitchFamily="34" charset="0"/>
              </a:rPr>
              <a:t>Surg Res </a:t>
            </a:r>
            <a:r>
              <a:rPr lang="da-DK" sz="1400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2018;225(5):101-7.</a:t>
            </a:r>
            <a:endParaRPr lang="da-DK" sz="1400" dirty="0">
              <a:effectLst/>
              <a:latin typeface="Arial" panose="020B0604020202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3036978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4A483F4-BFD7-0A3D-1B32-7378E1C298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88"/>
            <a:ext cx="687387" cy="179387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4</a:t>
            </a:fld>
            <a:endParaRPr lang="da-DK"/>
          </a:p>
        </p:txBody>
      </p:sp>
      <p:pic>
        <p:nvPicPr>
          <p:cNvPr id="6" name="dsdk">
            <a:hlinkClick r:id="" action="ppaction://media"/>
            <a:extLst>
              <a:ext uri="{FF2B5EF4-FFF2-40B4-BE49-F238E27FC236}">
                <a16:creationId xmlns:a16="http://schemas.microsoft.com/office/drawing/2014/main" id="{106D3278-79BA-DFF1-C093-79971B061292}"/>
              </a:ext>
            </a:extLst>
          </p:cNvPr>
          <p:cNvPicPr>
            <a:picLocks noGrp="1" noChangeAspect="1"/>
          </p:cNvPicPr>
          <p:nvPr>
            <p:ph sz="quarter" idx="13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3863753" y="587233"/>
            <a:ext cx="3672407" cy="5472609"/>
          </a:xfrm>
        </p:spPr>
      </p:pic>
    </p:spTree>
    <p:extLst>
      <p:ext uri="{BB962C8B-B14F-4D97-AF65-F5344CB8AC3E}">
        <p14:creationId xmlns:p14="http://schemas.microsoft.com/office/powerpoint/2010/main" val="30730190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8067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7AFC15DF-E1D0-F510-6307-416DE0C6F6C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82447412"/>
              </p:ext>
            </p:extLst>
          </p:nvPr>
        </p:nvGraphicFramePr>
        <p:xfrm>
          <a:off x="2063552" y="2517164"/>
          <a:ext cx="6696744" cy="3107305"/>
        </p:xfrm>
        <a:graphic>
          <a:graphicData uri="http://schemas.openxmlformats.org/drawingml/2006/table">
            <a:tbl>
              <a:tblPr firstRow="1" firstCol="1" bandRow="1">
                <a:solidFill>
                  <a:srgbClr val="F2F2F2">
                    <a:alpha val="45098"/>
                  </a:srgbClr>
                </a:solidFill>
                <a:tableStyleId>{8799B23B-EC83-4686-B30A-512413B5E67A}</a:tableStyleId>
              </a:tblPr>
              <a:tblGrid>
                <a:gridCol w="2638111">
                  <a:extLst>
                    <a:ext uri="{9D8B030D-6E8A-4147-A177-3AD203B41FA5}">
                      <a16:colId xmlns:a16="http://schemas.microsoft.com/office/drawing/2014/main" val="2298659483"/>
                    </a:ext>
                  </a:extLst>
                </a:gridCol>
                <a:gridCol w="4058633">
                  <a:extLst>
                    <a:ext uri="{9D8B030D-6E8A-4147-A177-3AD203B41FA5}">
                      <a16:colId xmlns:a16="http://schemas.microsoft.com/office/drawing/2014/main" val="2614777680"/>
                    </a:ext>
                  </a:extLst>
                </a:gridCol>
              </a:tblGrid>
              <a:tr h="992802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800" b="0" cap="none" spc="0" dirty="0">
                          <a:solidFill>
                            <a:schemeClr val="bg1"/>
                          </a:solidFill>
                          <a:effectLst/>
                        </a:rPr>
                        <a:t>QoR-15 Kategori</a:t>
                      </a:r>
                      <a:endParaRPr lang="da-DK" sz="1800" b="0" cap="none" spc="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9050" cap="flat" cmpd="sng" algn="ctr">
                      <a:noFill/>
                      <a:prstDash val="solid"/>
                    </a:lnT>
                    <a:lnB w="38100" cmpd="sng">
                      <a:noFill/>
                    </a:lnB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800" b="0" cap="none" spc="0" dirty="0">
                          <a:solidFill>
                            <a:schemeClr val="bg1"/>
                          </a:solidFill>
                          <a:effectLst/>
                        </a:rPr>
                        <a:t>Andel af besvarelser </a:t>
                      </a:r>
                    </a:p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800" b="0" cap="none" spc="0" dirty="0">
                          <a:solidFill>
                            <a:schemeClr val="bg1"/>
                          </a:solidFill>
                          <a:effectLst/>
                        </a:rPr>
                        <a:t>24 timer postoperativt</a:t>
                      </a:r>
                      <a:endParaRPr lang="da-DK" sz="1800" b="0" cap="none" spc="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9050" cap="flat" cmpd="sng" algn="ctr">
                      <a:noFill/>
                      <a:prstDash val="solid"/>
                    </a:lnT>
                    <a:lnB w="38100" cmpd="sng">
                      <a:noFill/>
                    </a:lnB>
                    <a:solidFill>
                      <a:schemeClr val="tx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0455741"/>
                  </a:ext>
                </a:extLst>
              </a:tr>
              <a:tr h="498689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b="1" cap="none" spc="0" dirty="0">
                          <a:solidFill>
                            <a:schemeClr val="tx1"/>
                          </a:solidFill>
                          <a:effectLst/>
                        </a:rPr>
                        <a:t>Fremragende </a:t>
                      </a:r>
                      <a:endParaRPr lang="da-DK" sz="1600" b="1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</a:lnB>
                    <a:solidFill>
                      <a:srgbClr val="F2F2F2">
                        <a:alpha val="4509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cap="none" spc="0" dirty="0">
                          <a:solidFill>
                            <a:schemeClr val="tx1"/>
                          </a:solidFill>
                          <a:effectLst/>
                        </a:rPr>
                        <a:t>18%</a:t>
                      </a:r>
                      <a:endParaRPr lang="da-DK" sz="1600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38100" cmpd="sng">
                      <a:noFill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>
                        <a:alpha val="4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0583904"/>
                  </a:ext>
                </a:extLst>
              </a:tr>
              <a:tr h="498689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b="1" cap="none" spc="0" dirty="0">
                          <a:solidFill>
                            <a:schemeClr val="tx1"/>
                          </a:solidFill>
                          <a:effectLst/>
                        </a:rPr>
                        <a:t>God </a:t>
                      </a:r>
                      <a:endParaRPr lang="da-DK" sz="1600" b="1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rgbClr val="BFBFBF">
                        <a:alpha val="3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cap="none" spc="0" dirty="0">
                          <a:solidFill>
                            <a:schemeClr val="tx1"/>
                          </a:solidFill>
                          <a:effectLst/>
                        </a:rPr>
                        <a:t>26%</a:t>
                      </a:r>
                      <a:endParaRPr lang="da-DK" sz="1600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solidFill>
                      <a:srgbClr val="BFBFBF">
                        <a:alpha val="34902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2520575"/>
                  </a:ext>
                </a:extLst>
              </a:tr>
              <a:tr h="498689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b="1" cap="none" spc="0">
                          <a:solidFill>
                            <a:schemeClr val="tx1"/>
                          </a:solidFill>
                          <a:effectLst/>
                        </a:rPr>
                        <a:t>Moderat</a:t>
                      </a:r>
                      <a:endParaRPr lang="da-DK" sz="1600" b="1" cap="none" spc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</a:lnB>
                    <a:solidFill>
                      <a:srgbClr val="F2F2F2">
                        <a:alpha val="45098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cap="none" spc="0" dirty="0">
                          <a:solidFill>
                            <a:schemeClr val="tx1"/>
                          </a:solidFill>
                          <a:effectLst/>
                        </a:rPr>
                        <a:t>44%</a:t>
                      </a:r>
                      <a:endParaRPr lang="da-DK" sz="1600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>
                        <a:alpha val="45098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46735439"/>
                  </a:ext>
                </a:extLst>
              </a:tr>
              <a:tr h="498689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b="1" cap="none" spc="0" dirty="0">
                          <a:solidFill>
                            <a:schemeClr val="tx1"/>
                          </a:solidFill>
                          <a:effectLst/>
                        </a:rPr>
                        <a:t>Ringe</a:t>
                      </a:r>
                      <a:endParaRPr lang="da-DK" sz="1600" b="1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</a:lnT>
                    <a:lnB w="12700" cmpd="sng">
                      <a:noFill/>
                      <a:prstDash val="solid"/>
                    </a:lnB>
                    <a:solidFill>
                      <a:srgbClr val="BFBFBF">
                        <a:alpha val="3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800"/>
                        </a:spcAft>
                      </a:pPr>
                      <a:r>
                        <a:rPr lang="da-DK" sz="1600" cap="none" spc="0" dirty="0">
                          <a:solidFill>
                            <a:schemeClr val="tx1"/>
                          </a:solidFill>
                          <a:effectLst/>
                        </a:rPr>
                        <a:t>22%</a:t>
                      </a:r>
                      <a:endParaRPr lang="da-DK" sz="1600" cap="none" spc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58534" marR="358534" marT="184352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  <a:prstDash val="solid"/>
                    </a:lnB>
                    <a:solidFill>
                      <a:srgbClr val="BFBFBF">
                        <a:alpha val="34902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8226593"/>
                  </a:ext>
                </a:extLst>
              </a:tr>
            </a:tbl>
          </a:graphicData>
        </a:graphic>
      </p:graphicFrame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EF35598B-BA74-4850-9A3B-7F407645707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43472" y="908720"/>
            <a:ext cx="10136614" cy="3498850"/>
          </a:xfrm>
        </p:spPr>
        <p:txBody>
          <a:bodyPr/>
          <a:lstStyle/>
          <a:p>
            <a:pPr>
              <a:lnSpc>
                <a:spcPct val="90000"/>
              </a:lnSpc>
              <a:spcAft>
                <a:spcPts val="800"/>
              </a:spcAft>
            </a:pPr>
            <a:r>
              <a:rPr lang="en-US" sz="1800" b="1" dirty="0" err="1">
                <a:effectLst/>
              </a:rPr>
              <a:t>Resultater</a:t>
            </a:r>
            <a:endParaRPr lang="en-US" sz="1800" dirty="0">
              <a:effectLst/>
            </a:endParaRPr>
          </a:p>
          <a:p>
            <a:pPr indent="-228600">
              <a:lnSpc>
                <a:spcPct val="9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</a:rPr>
              <a:t>I </a:t>
            </a:r>
            <a:r>
              <a:rPr lang="en-US" sz="1800" dirty="0" err="1">
                <a:effectLst/>
              </a:rPr>
              <a:t>perioden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fra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feb.</a:t>
            </a:r>
            <a:r>
              <a:rPr lang="en-US" sz="1800" dirty="0">
                <a:effectLst/>
              </a:rPr>
              <a:t> 2022 </a:t>
            </a:r>
            <a:r>
              <a:rPr lang="en-US" sz="1800" dirty="0" err="1">
                <a:effectLst/>
              </a:rPr>
              <a:t>til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jan</a:t>
            </a:r>
            <a:r>
              <a:rPr lang="en-US" sz="1800" dirty="0">
                <a:effectLst/>
              </a:rPr>
              <a:t> 2023 </a:t>
            </a:r>
            <a:r>
              <a:rPr lang="en-US" sz="1800" dirty="0" err="1">
                <a:effectLst/>
              </a:rPr>
              <a:t>blev</a:t>
            </a:r>
            <a:r>
              <a:rPr lang="en-US" sz="1800" dirty="0">
                <a:effectLst/>
              </a:rPr>
              <a:t> der </a:t>
            </a:r>
            <a:r>
              <a:rPr lang="en-US" sz="1800" dirty="0" err="1">
                <a:effectLst/>
              </a:rPr>
              <a:t>udført</a:t>
            </a:r>
            <a:r>
              <a:rPr lang="en-US" sz="1800" dirty="0">
                <a:effectLst/>
              </a:rPr>
              <a:t> 5665 </a:t>
            </a:r>
            <a:r>
              <a:rPr lang="en-US" sz="1800" dirty="0" err="1">
                <a:effectLst/>
              </a:rPr>
              <a:t>operationer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på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patienter</a:t>
            </a:r>
            <a:r>
              <a:rPr lang="en-US" sz="1800" dirty="0">
                <a:effectLst/>
              </a:rPr>
              <a:t> &gt; 18 </a:t>
            </a:r>
            <a:r>
              <a:rPr lang="en-US" sz="1800" dirty="0" err="1">
                <a:effectLst/>
              </a:rPr>
              <a:t>år</a:t>
            </a:r>
            <a:r>
              <a:rPr lang="en-US" sz="1800" dirty="0">
                <a:effectLst/>
              </a:rPr>
              <a:t>. </a:t>
            </a:r>
          </a:p>
          <a:p>
            <a:pPr indent="-228600">
              <a:lnSpc>
                <a:spcPct val="9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</a:rPr>
              <a:t>1330 </a:t>
            </a:r>
            <a:r>
              <a:rPr lang="en-US" sz="1800" dirty="0" err="1">
                <a:effectLst/>
              </a:rPr>
              <a:t>patienter</a:t>
            </a:r>
            <a:r>
              <a:rPr lang="en-US" sz="1800" dirty="0">
                <a:effectLst/>
              </a:rPr>
              <a:t> (23%) </a:t>
            </a:r>
            <a:r>
              <a:rPr lang="en-US" sz="1800" dirty="0" err="1">
                <a:effectLst/>
              </a:rPr>
              <a:t>udfyldte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mindst</a:t>
            </a:r>
            <a:r>
              <a:rPr lang="en-US" sz="1800" dirty="0">
                <a:effectLst/>
              </a:rPr>
              <a:t> et </a:t>
            </a:r>
            <a:r>
              <a:rPr lang="en-US" sz="1800" dirty="0" err="1">
                <a:effectLst/>
              </a:rPr>
              <a:t>af</a:t>
            </a:r>
            <a:r>
              <a:rPr lang="en-US" sz="1800" dirty="0">
                <a:effectLst/>
              </a:rPr>
              <a:t> de </a:t>
            </a:r>
            <a:r>
              <a:rPr lang="en-US" sz="1800" dirty="0" err="1">
                <a:effectLst/>
              </a:rPr>
              <a:t>tre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udsendte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skemaer</a:t>
            </a:r>
            <a:r>
              <a:rPr lang="en-US" sz="1800" dirty="0">
                <a:effectLst/>
              </a:rPr>
              <a:t>. </a:t>
            </a:r>
          </a:p>
          <a:p>
            <a:pPr indent="-228600">
              <a:lnSpc>
                <a:spcPct val="9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effectLst/>
              </a:rPr>
              <a:t>990 </a:t>
            </a:r>
            <a:r>
              <a:rPr lang="en-US" sz="1800" dirty="0" err="1">
                <a:effectLst/>
              </a:rPr>
              <a:t>patienter</a:t>
            </a:r>
            <a:r>
              <a:rPr lang="en-US" sz="1800" dirty="0">
                <a:effectLst/>
              </a:rPr>
              <a:t> (17%) </a:t>
            </a:r>
            <a:r>
              <a:rPr lang="en-US" sz="1800" dirty="0" err="1">
                <a:effectLst/>
              </a:rPr>
              <a:t>udfyldte</a:t>
            </a:r>
            <a:r>
              <a:rPr lang="en-US" sz="1800" dirty="0">
                <a:effectLst/>
              </a:rPr>
              <a:t> </a:t>
            </a:r>
            <a:r>
              <a:rPr lang="en-US" sz="1800" dirty="0" err="1">
                <a:effectLst/>
              </a:rPr>
              <a:t>skemaet</a:t>
            </a:r>
            <a:r>
              <a:rPr lang="en-US" sz="1800" dirty="0">
                <a:effectLst/>
              </a:rPr>
              <a:t> 24 timer </a:t>
            </a:r>
            <a:r>
              <a:rPr lang="en-US" sz="1800" dirty="0" err="1">
                <a:effectLst/>
              </a:rPr>
              <a:t>postoperativt</a:t>
            </a:r>
            <a:r>
              <a:rPr lang="en-US" sz="1800" dirty="0">
                <a:effectLst/>
              </a:rPr>
              <a:t>. 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5942991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6440F6BA-127C-1182-780B-9194AB206A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1FE3D8D-FA5A-4419-0C9F-51FD5A7D22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56E19CA-8CB5-CEE2-2B10-D012BE5322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6</a:t>
            </a:fld>
            <a:endParaRPr lang="da-DK" dirty="0"/>
          </a:p>
        </p:txBody>
      </p:sp>
      <p:graphicFrame>
        <p:nvGraphicFramePr>
          <p:cNvPr id="5" name="Tabel 5">
            <a:extLst>
              <a:ext uri="{FF2B5EF4-FFF2-40B4-BE49-F238E27FC236}">
                <a16:creationId xmlns:a16="http://schemas.microsoft.com/office/drawing/2014/main" id="{B61D8124-852A-EF09-8F23-438EDDC94F3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28967741"/>
              </p:ext>
            </p:extLst>
          </p:nvPr>
        </p:nvGraphicFramePr>
        <p:xfrm>
          <a:off x="1775520" y="980728"/>
          <a:ext cx="8168456" cy="43891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640064">
                  <a:extLst>
                    <a:ext uri="{9D8B030D-6E8A-4147-A177-3AD203B41FA5}">
                      <a16:colId xmlns:a16="http://schemas.microsoft.com/office/drawing/2014/main" val="3514642816"/>
                    </a:ext>
                  </a:extLst>
                </a:gridCol>
                <a:gridCol w="3528392">
                  <a:extLst>
                    <a:ext uri="{9D8B030D-6E8A-4147-A177-3AD203B41FA5}">
                      <a16:colId xmlns:a16="http://schemas.microsoft.com/office/drawing/2014/main" val="3151199883"/>
                    </a:ext>
                  </a:extLst>
                </a:gridCol>
              </a:tblGrid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Operationsty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Svarhyppigh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98517939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Gynækologisk kirurgi med las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42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2613794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Urogynækolog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5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35082064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Skulderkirurgi uden blo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3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08729498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 err="1"/>
                        <a:t>Knæartroskopi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91963697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 err="1"/>
                        <a:t>Hofteartroskopi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30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99213316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Skulderkirurgi med blo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9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29342506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Laparoskopisk </a:t>
                      </a:r>
                      <a:r>
                        <a:rPr lang="da-DK" dirty="0" err="1"/>
                        <a:t>kolecystektomi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9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5197469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 err="1"/>
                        <a:t>Herniekirurgi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3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97005081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/>
                        <a:t>Håndkirurg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20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82926346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 err="1"/>
                        <a:t>Amotio</a:t>
                      </a:r>
                      <a:r>
                        <a:rPr lang="da-DK" dirty="0"/>
                        <a:t> </a:t>
                      </a:r>
                      <a:r>
                        <a:rPr lang="da-DK" dirty="0" err="1"/>
                        <a:t>Atella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8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7070143"/>
                  </a:ext>
                </a:extLst>
              </a:tr>
              <a:tr h="280705">
                <a:tc>
                  <a:txBody>
                    <a:bodyPr/>
                    <a:lstStyle/>
                    <a:p>
                      <a:r>
                        <a:rPr lang="da-DK" dirty="0" err="1"/>
                        <a:t>Evacuatio</a:t>
                      </a:r>
                      <a:r>
                        <a:rPr lang="da-DK" dirty="0"/>
                        <a:t> og provokeret abor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11 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7902206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811983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2CC0374E-DA6A-42A6-B032-2AF0DBBF69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15462950-53D3-4F87-85E0-430516DE210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679575"/>
            <a:ext cx="10136614" cy="3498850"/>
          </a:xfrm>
        </p:spPr>
        <p:txBody>
          <a:bodyPr/>
          <a:lstStyle/>
          <a:p>
            <a:pPr indent="-228600">
              <a:lnSpc>
                <a:spcPct val="9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en-US" sz="2400" dirty="0">
              <a:effectLst/>
            </a:endParaRPr>
          </a:p>
          <a:p>
            <a:pPr indent="-228600">
              <a:lnSpc>
                <a:spcPct val="90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effectLst/>
              </a:rPr>
              <a:t>Der var </a:t>
            </a:r>
            <a:r>
              <a:rPr lang="en-US" sz="2000" dirty="0" err="1">
                <a:effectLst/>
              </a:rPr>
              <a:t>væsentlig</a:t>
            </a:r>
            <a:r>
              <a:rPr lang="en-US" sz="2000" dirty="0">
                <a:effectLst/>
              </a:rPr>
              <a:t> variation </a:t>
            </a:r>
            <a:r>
              <a:rPr lang="en-US" sz="2000" dirty="0" err="1">
                <a:effectLst/>
              </a:rPr>
              <a:t>i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besvarelseshyppigheden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på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operationstyper</a:t>
            </a:r>
            <a:r>
              <a:rPr lang="en-US" sz="2000" dirty="0">
                <a:effectLst/>
              </a:rPr>
              <a:t> med </a:t>
            </a:r>
            <a:r>
              <a:rPr lang="en-US" sz="2000" dirty="0" err="1">
                <a:effectLst/>
              </a:rPr>
              <a:t>laves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antal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besvarelser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på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patienter</a:t>
            </a:r>
            <a:r>
              <a:rPr lang="en-US" sz="2000" dirty="0">
                <a:effectLst/>
              </a:rPr>
              <a:t>, </a:t>
            </a:r>
            <a:r>
              <a:rPr lang="en-US" sz="2000" dirty="0" err="1">
                <a:effectLst/>
              </a:rPr>
              <a:t>som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havde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fåe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foretage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mege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små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procedurer</a:t>
            </a:r>
            <a:r>
              <a:rPr lang="en-US" sz="2000" dirty="0">
                <a:effectLst/>
              </a:rPr>
              <a:t>, </a:t>
            </a:r>
            <a:r>
              <a:rPr lang="en-US" sz="2000" dirty="0" err="1">
                <a:effectLst/>
              </a:rPr>
              <a:t>sam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patienter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som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havde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fåe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foretaget</a:t>
            </a:r>
            <a:r>
              <a:rPr lang="en-US" sz="2000" dirty="0">
                <a:effectLst/>
              </a:rPr>
              <a:t> </a:t>
            </a:r>
            <a:r>
              <a:rPr lang="en-US" sz="2000" dirty="0" err="1">
                <a:effectLst/>
              </a:rPr>
              <a:t>abortindgreb</a:t>
            </a:r>
            <a:r>
              <a:rPr lang="en-US" sz="2400" dirty="0">
                <a:effectLst/>
              </a:rPr>
              <a:t>.</a:t>
            </a:r>
            <a:r>
              <a:rPr lang="en-US" sz="2400" b="1" dirty="0">
                <a:effectLst/>
              </a:rPr>
              <a:t> </a:t>
            </a:r>
            <a:endParaRPr lang="en-US" sz="2400" dirty="0">
              <a:effectLst/>
            </a:endParaRP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49005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B28647E-712B-FF08-6642-23089B5AC06E}"/>
              </a:ext>
            </a:extLst>
          </p:cNvPr>
          <p:cNvSpPr txBox="1">
            <a:spLocks/>
          </p:cNvSpPr>
          <p:nvPr/>
        </p:nvSpPr>
        <p:spPr>
          <a:xfrm>
            <a:off x="1233984" y="1052736"/>
            <a:ext cx="9724031" cy="368335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800"/>
              </a:spcAft>
            </a:pPr>
            <a:r>
              <a:rPr lang="en-US" sz="2000" b="1" dirty="0" err="1"/>
              <a:t>Konklusion</a:t>
            </a:r>
            <a:endParaRPr lang="en-US" sz="2000" dirty="0"/>
          </a:p>
          <a:p>
            <a:pPr>
              <a:spcAft>
                <a:spcPts val="800"/>
              </a:spcAft>
            </a:pPr>
            <a:r>
              <a:rPr lang="en-US" sz="2000" dirty="0"/>
              <a:t>Studier om </a:t>
            </a:r>
            <a:r>
              <a:rPr lang="en-US" sz="2000" dirty="0" err="1"/>
              <a:t>anvendelse</a:t>
            </a:r>
            <a:r>
              <a:rPr lang="en-US" sz="2000" dirty="0"/>
              <a:t> </a:t>
            </a:r>
            <a:r>
              <a:rPr lang="en-US" sz="2000" dirty="0" err="1"/>
              <a:t>af</a:t>
            </a:r>
            <a:r>
              <a:rPr lang="en-US" sz="2000" dirty="0"/>
              <a:t> QoR-15 </a:t>
            </a:r>
            <a:r>
              <a:rPr lang="en-US" sz="2000" dirty="0" err="1"/>
              <a:t>efter</a:t>
            </a:r>
            <a:r>
              <a:rPr lang="en-US" sz="2000" dirty="0"/>
              <a:t> </a:t>
            </a:r>
            <a:r>
              <a:rPr lang="en-US" sz="2000" dirty="0" err="1"/>
              <a:t>elektiv</a:t>
            </a:r>
            <a:r>
              <a:rPr lang="en-US" sz="2000" dirty="0"/>
              <a:t> </a:t>
            </a:r>
            <a:r>
              <a:rPr lang="en-US" sz="2000" dirty="0" err="1"/>
              <a:t>kirurgi</a:t>
            </a:r>
            <a:r>
              <a:rPr lang="en-US" sz="2000" dirty="0"/>
              <a:t> er </a:t>
            </a:r>
            <a:r>
              <a:rPr lang="en-US" sz="2000" dirty="0" err="1"/>
              <a:t>sparsomme</a:t>
            </a:r>
            <a:r>
              <a:rPr lang="en-US" sz="2000" dirty="0"/>
              <a:t>.</a:t>
            </a:r>
          </a:p>
          <a:p>
            <a:pPr>
              <a:spcAft>
                <a:spcPts val="800"/>
              </a:spcAft>
            </a:pPr>
            <a:r>
              <a:rPr lang="en-US" sz="2000" dirty="0" err="1"/>
              <a:t>Dagkirurgisk</a:t>
            </a:r>
            <a:r>
              <a:rPr lang="en-US" sz="2000" dirty="0"/>
              <a:t> </a:t>
            </a:r>
            <a:r>
              <a:rPr lang="en-US" sz="2000" dirty="0" err="1"/>
              <a:t>afdeling</a:t>
            </a:r>
            <a:r>
              <a:rPr lang="en-US" sz="2000" dirty="0"/>
              <a:t>,</a:t>
            </a:r>
            <a:r>
              <a:rPr lang="en-US" sz="2000" b="1" dirty="0"/>
              <a:t> </a:t>
            </a:r>
            <a:r>
              <a:rPr lang="en-US" sz="2000" dirty="0"/>
              <a:t>Hvidovre Hospital er den </a:t>
            </a:r>
            <a:r>
              <a:rPr lang="en-US" sz="2000" dirty="0" err="1"/>
              <a:t>første</a:t>
            </a:r>
            <a:r>
              <a:rPr lang="en-US" sz="2000" dirty="0"/>
              <a:t> </a:t>
            </a:r>
            <a:r>
              <a:rPr lang="en-US" sz="2000" dirty="0" err="1"/>
              <a:t>i</a:t>
            </a:r>
            <a:r>
              <a:rPr lang="en-US" sz="2000" dirty="0"/>
              <a:t> </a:t>
            </a:r>
            <a:r>
              <a:rPr lang="en-US" sz="2000" dirty="0" err="1"/>
              <a:t>Danmark</a:t>
            </a:r>
            <a:r>
              <a:rPr lang="en-US" sz="2000" dirty="0"/>
              <a:t> </a:t>
            </a:r>
            <a:r>
              <a:rPr lang="en-US" sz="2000" dirty="0" err="1"/>
              <a:t>til</a:t>
            </a:r>
            <a:r>
              <a:rPr lang="en-US" sz="2000" dirty="0"/>
              <a:t> at </a:t>
            </a:r>
            <a:r>
              <a:rPr lang="en-US" sz="2000" dirty="0" err="1"/>
              <a:t>implementere</a:t>
            </a:r>
            <a:r>
              <a:rPr lang="en-US" sz="2000" dirty="0"/>
              <a:t> QoR-15 </a:t>
            </a:r>
            <a:r>
              <a:rPr lang="en-US" sz="2000" dirty="0" err="1"/>
              <a:t>spørgeskema</a:t>
            </a:r>
            <a:r>
              <a:rPr lang="en-US" sz="2000" dirty="0"/>
              <a:t> </a:t>
            </a:r>
            <a:r>
              <a:rPr lang="en-US" sz="2000" dirty="0" err="1"/>
              <a:t>digitalt</a:t>
            </a:r>
            <a:r>
              <a:rPr lang="en-US" sz="2000" dirty="0"/>
              <a:t>. </a:t>
            </a:r>
            <a:r>
              <a:rPr lang="en-US" sz="2000" dirty="0" err="1"/>
              <a:t>Besvarelsesprocent</a:t>
            </a:r>
            <a:r>
              <a:rPr lang="en-US" sz="2000" dirty="0"/>
              <a:t> er </a:t>
            </a:r>
            <a:r>
              <a:rPr lang="en-US" sz="2000" dirty="0" err="1"/>
              <a:t>ikke</a:t>
            </a:r>
            <a:r>
              <a:rPr lang="en-US" sz="2000" dirty="0"/>
              <a:t> </a:t>
            </a:r>
            <a:r>
              <a:rPr lang="en-US" sz="2000" dirty="0" err="1"/>
              <a:t>tilstrækkelig</a:t>
            </a:r>
            <a:r>
              <a:rPr lang="en-US" sz="2000" dirty="0"/>
              <a:t> </a:t>
            </a:r>
            <a:r>
              <a:rPr lang="en-US" sz="2000" dirty="0" err="1"/>
              <a:t>høj</a:t>
            </a:r>
            <a:r>
              <a:rPr lang="en-US" sz="2000" dirty="0"/>
              <a:t> </a:t>
            </a:r>
            <a:r>
              <a:rPr lang="en-US" sz="2000" dirty="0" err="1"/>
              <a:t>endnu</a:t>
            </a:r>
            <a:r>
              <a:rPr lang="en-US" sz="2000" dirty="0"/>
              <a:t> </a:t>
            </a:r>
            <a:r>
              <a:rPr lang="en-US" sz="2000" dirty="0" err="1"/>
              <a:t>til</a:t>
            </a:r>
            <a:r>
              <a:rPr lang="en-US" sz="2000" dirty="0"/>
              <a:t> at </a:t>
            </a:r>
            <a:r>
              <a:rPr lang="en-US" sz="2000" dirty="0" err="1"/>
              <a:t>måle</a:t>
            </a:r>
            <a:r>
              <a:rPr lang="en-US" sz="2000" dirty="0"/>
              <a:t> </a:t>
            </a:r>
            <a:r>
              <a:rPr lang="en-US" sz="2000" dirty="0" err="1"/>
              <a:t>behandlingskvalitet</a:t>
            </a:r>
            <a:r>
              <a:rPr lang="en-US" sz="2000" dirty="0"/>
              <a:t>, men </a:t>
            </a:r>
            <a:r>
              <a:rPr lang="en-US" sz="2000" dirty="0" err="1"/>
              <a:t>konceptet</a:t>
            </a:r>
            <a:r>
              <a:rPr lang="en-US" sz="2000" dirty="0"/>
              <a:t> med digital </a:t>
            </a:r>
            <a:r>
              <a:rPr lang="en-US" sz="2000" dirty="0" err="1"/>
              <a:t>udsendelse</a:t>
            </a:r>
            <a:r>
              <a:rPr lang="en-US" sz="2000" dirty="0"/>
              <a:t> </a:t>
            </a:r>
            <a:r>
              <a:rPr lang="en-US" sz="2000" dirty="0" err="1"/>
              <a:t>af</a:t>
            </a:r>
            <a:r>
              <a:rPr lang="en-US" sz="2000" dirty="0"/>
              <a:t> </a:t>
            </a:r>
            <a:r>
              <a:rPr lang="en-US" sz="2000" dirty="0" err="1"/>
              <a:t>spørgeskemaer</a:t>
            </a:r>
            <a:r>
              <a:rPr lang="en-US" sz="2000" dirty="0"/>
              <a:t> </a:t>
            </a:r>
            <a:r>
              <a:rPr lang="en-US" sz="2000" dirty="0" err="1"/>
              <a:t>i</a:t>
            </a:r>
            <a:r>
              <a:rPr lang="en-US" sz="2000" dirty="0"/>
              <a:t> </a:t>
            </a:r>
            <a:r>
              <a:rPr lang="en-US" sz="2000" dirty="0" err="1"/>
              <a:t>en</a:t>
            </a:r>
            <a:r>
              <a:rPr lang="en-US" sz="2000" dirty="0"/>
              <a:t> app, </a:t>
            </a:r>
            <a:r>
              <a:rPr lang="en-US" sz="2000" dirty="0" err="1"/>
              <a:t>fungerede</a:t>
            </a:r>
            <a:r>
              <a:rPr lang="en-US" sz="2000" dirty="0"/>
              <a:t>. </a:t>
            </a:r>
          </a:p>
          <a:p>
            <a:pPr marL="0" indent="0">
              <a:spcAft>
                <a:spcPts val="800"/>
              </a:spcAft>
              <a:buNone/>
            </a:pPr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86901676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2">
            <a:extLst>
              <a:ext uri="{FF2B5EF4-FFF2-40B4-BE49-F238E27FC236}">
                <a16:creationId xmlns:a16="http://schemas.microsoft.com/office/drawing/2014/main" id="{1DDD41A6-09DD-B336-B89C-DD5D4DB7A11B}"/>
              </a:ext>
            </a:extLst>
          </p:cNvPr>
          <p:cNvSpPr txBox="1">
            <a:spLocks/>
          </p:cNvSpPr>
          <p:nvPr/>
        </p:nvSpPr>
        <p:spPr>
          <a:xfrm>
            <a:off x="1233984" y="908720"/>
            <a:ext cx="9724031" cy="368335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>
              <a:spcAft>
                <a:spcPts val="800"/>
              </a:spcAft>
            </a:pPr>
            <a:r>
              <a:rPr lang="en-US" sz="2000" b="1" dirty="0" err="1"/>
              <a:t>Perspektiver</a:t>
            </a:r>
            <a:endParaRPr lang="en-US" sz="2000" dirty="0"/>
          </a:p>
          <a:p>
            <a:pPr>
              <a:spcAft>
                <a:spcPts val="800"/>
              </a:spcAft>
            </a:pPr>
            <a:r>
              <a:rPr lang="en-US" sz="2000" dirty="0" err="1"/>
              <a:t>Øget</a:t>
            </a:r>
            <a:r>
              <a:rPr lang="en-US" sz="2000" dirty="0"/>
              <a:t> </a:t>
            </a:r>
            <a:r>
              <a:rPr lang="en-US" sz="2000" dirty="0" err="1"/>
              <a:t>brug</a:t>
            </a:r>
            <a:r>
              <a:rPr lang="en-US" sz="2000" dirty="0"/>
              <a:t> </a:t>
            </a:r>
            <a:r>
              <a:rPr lang="en-US" sz="2000" dirty="0" err="1"/>
              <a:t>af</a:t>
            </a:r>
            <a:r>
              <a:rPr lang="en-US" sz="2000" dirty="0"/>
              <a:t> </a:t>
            </a:r>
            <a:r>
              <a:rPr lang="en-US" sz="2000" dirty="0" err="1"/>
              <a:t>digitale</a:t>
            </a:r>
            <a:r>
              <a:rPr lang="en-US" sz="2000" dirty="0"/>
              <a:t> </a:t>
            </a:r>
            <a:r>
              <a:rPr lang="en-US" sz="2000" dirty="0" err="1"/>
              <a:t>patientrapporterede</a:t>
            </a:r>
            <a:r>
              <a:rPr lang="en-US" sz="2000" dirty="0"/>
              <a:t> </a:t>
            </a:r>
            <a:r>
              <a:rPr lang="en-US" sz="2000" dirty="0" err="1"/>
              <a:t>oplysninger</a:t>
            </a:r>
            <a:r>
              <a:rPr lang="en-US" sz="2000" dirty="0"/>
              <a:t> </a:t>
            </a:r>
            <a:r>
              <a:rPr lang="en-US" sz="2000" dirty="0" err="1"/>
              <a:t>i</a:t>
            </a:r>
            <a:r>
              <a:rPr lang="en-US" sz="2000" dirty="0"/>
              <a:t> det </a:t>
            </a:r>
            <a:r>
              <a:rPr lang="en-US" sz="2000" dirty="0" err="1"/>
              <a:t>danske</a:t>
            </a:r>
            <a:r>
              <a:rPr lang="en-US" sz="2000" dirty="0"/>
              <a:t> </a:t>
            </a:r>
            <a:r>
              <a:rPr lang="en-US" sz="2000" dirty="0" err="1"/>
              <a:t>sundhedssystem</a:t>
            </a:r>
            <a:r>
              <a:rPr lang="en-US" sz="2000" dirty="0"/>
              <a:t> </a:t>
            </a:r>
            <a:r>
              <a:rPr lang="en-US" sz="2000" dirty="0" err="1"/>
              <a:t>som</a:t>
            </a:r>
            <a:r>
              <a:rPr lang="en-US" sz="2000" dirty="0"/>
              <a:t> for </a:t>
            </a:r>
            <a:r>
              <a:rPr lang="en-US" sz="2000" dirty="0" err="1"/>
              <a:t>eksempel</a:t>
            </a:r>
            <a:r>
              <a:rPr lang="en-US" sz="2000" dirty="0"/>
              <a:t> </a:t>
            </a:r>
            <a:r>
              <a:rPr lang="en-US" sz="2000" dirty="0" err="1"/>
              <a:t>spørgeskemaet</a:t>
            </a:r>
            <a:r>
              <a:rPr lang="en-US" sz="2000" dirty="0"/>
              <a:t> QoR-15, giver </a:t>
            </a:r>
            <a:r>
              <a:rPr lang="en-US" sz="2000" dirty="0" err="1"/>
              <a:t>mulighed</a:t>
            </a:r>
            <a:r>
              <a:rPr lang="en-US" sz="2000" dirty="0"/>
              <a:t> for </a:t>
            </a:r>
            <a:r>
              <a:rPr lang="en-US" sz="2000" dirty="0" err="1"/>
              <a:t>en</a:t>
            </a:r>
            <a:r>
              <a:rPr lang="en-US" sz="2000" dirty="0"/>
              <a:t> </a:t>
            </a:r>
            <a:r>
              <a:rPr lang="en-US" sz="2000" dirty="0" err="1"/>
              <a:t>struktureret</a:t>
            </a:r>
            <a:r>
              <a:rPr lang="en-US" sz="2000" dirty="0"/>
              <a:t> </a:t>
            </a:r>
            <a:r>
              <a:rPr lang="en-US" sz="2000" dirty="0" err="1"/>
              <a:t>og</a:t>
            </a:r>
            <a:r>
              <a:rPr lang="en-US" sz="2000" dirty="0"/>
              <a:t> </a:t>
            </a:r>
            <a:r>
              <a:rPr lang="en-US" sz="2000" dirty="0" err="1"/>
              <a:t>valideret</a:t>
            </a:r>
            <a:r>
              <a:rPr lang="en-US" sz="2000" dirty="0"/>
              <a:t> </a:t>
            </a:r>
            <a:r>
              <a:rPr lang="en-US" sz="2000" dirty="0" err="1"/>
              <a:t>kvalitetsopfølgning</a:t>
            </a:r>
            <a:r>
              <a:rPr lang="en-US" sz="2000" dirty="0"/>
              <a:t> </a:t>
            </a:r>
            <a:r>
              <a:rPr lang="en-US" sz="2000" dirty="0" err="1"/>
              <a:t>på</a:t>
            </a:r>
            <a:r>
              <a:rPr lang="en-US" sz="2000" dirty="0"/>
              <a:t> alle </a:t>
            </a:r>
            <a:r>
              <a:rPr lang="en-US" sz="2000" dirty="0" err="1"/>
              <a:t>kirurgiske</a:t>
            </a:r>
            <a:r>
              <a:rPr lang="en-US" sz="2000" dirty="0"/>
              <a:t> </a:t>
            </a:r>
            <a:r>
              <a:rPr lang="en-US" sz="2000" dirty="0" err="1"/>
              <a:t>indgreb</a:t>
            </a:r>
            <a:r>
              <a:rPr lang="en-US" sz="2000" dirty="0"/>
              <a:t>. </a:t>
            </a:r>
          </a:p>
          <a:p>
            <a:pPr>
              <a:spcAft>
                <a:spcPts val="800"/>
              </a:spcAft>
            </a:pPr>
            <a:r>
              <a:rPr lang="en-US" sz="2000" dirty="0"/>
              <a:t>Med </a:t>
            </a:r>
            <a:r>
              <a:rPr lang="en-US" sz="2000" dirty="0" err="1"/>
              <a:t>en</a:t>
            </a:r>
            <a:r>
              <a:rPr lang="en-US" sz="2000" dirty="0"/>
              <a:t> </a:t>
            </a:r>
            <a:r>
              <a:rPr lang="en-US" sz="2000" dirty="0" err="1"/>
              <a:t>øget</a:t>
            </a:r>
            <a:r>
              <a:rPr lang="en-US" sz="2000" dirty="0"/>
              <a:t> </a:t>
            </a:r>
            <a:r>
              <a:rPr lang="en-US" sz="2000" dirty="0" err="1"/>
              <a:t>besvarelsesprocent</a:t>
            </a:r>
            <a:r>
              <a:rPr lang="en-US" sz="2000" dirty="0"/>
              <a:t> </a:t>
            </a:r>
            <a:r>
              <a:rPr lang="en-US" sz="2000" dirty="0" err="1"/>
              <a:t>og</a:t>
            </a:r>
            <a:r>
              <a:rPr lang="en-US" sz="2000" dirty="0"/>
              <a:t> </a:t>
            </a:r>
            <a:r>
              <a:rPr lang="en-US" sz="2000" dirty="0" err="1"/>
              <a:t>en</a:t>
            </a:r>
            <a:r>
              <a:rPr lang="en-US" sz="2000" dirty="0"/>
              <a:t> bred </a:t>
            </a:r>
            <a:r>
              <a:rPr lang="en-US" sz="2000" dirty="0" err="1"/>
              <a:t>implementering</a:t>
            </a:r>
            <a:r>
              <a:rPr lang="en-US" sz="2000" dirty="0"/>
              <a:t> </a:t>
            </a:r>
            <a:r>
              <a:rPr lang="en-US" sz="2000" dirty="0" err="1"/>
              <a:t>på</a:t>
            </a:r>
            <a:r>
              <a:rPr lang="en-US" sz="2000" dirty="0"/>
              <a:t> </a:t>
            </a:r>
            <a:r>
              <a:rPr lang="en-US" sz="2000" dirty="0" err="1"/>
              <a:t>tværs</a:t>
            </a:r>
            <a:r>
              <a:rPr lang="en-US" sz="2000" dirty="0"/>
              <a:t> </a:t>
            </a:r>
            <a:r>
              <a:rPr lang="en-US" sz="2000" dirty="0" err="1"/>
              <a:t>af</a:t>
            </a:r>
            <a:r>
              <a:rPr lang="en-US" sz="2000" dirty="0"/>
              <a:t> </a:t>
            </a:r>
            <a:r>
              <a:rPr lang="en-US" sz="2000" dirty="0" err="1"/>
              <a:t>afdelinger</a:t>
            </a:r>
            <a:r>
              <a:rPr lang="en-US" sz="2000" dirty="0"/>
              <a:t> </a:t>
            </a:r>
            <a:r>
              <a:rPr lang="en-US" sz="2000" dirty="0" err="1"/>
              <a:t>og</a:t>
            </a:r>
            <a:r>
              <a:rPr lang="en-US" sz="2000" dirty="0"/>
              <a:t> </a:t>
            </a:r>
            <a:r>
              <a:rPr lang="en-US" sz="2000" dirty="0" err="1"/>
              <a:t>hospitaler</a:t>
            </a:r>
            <a:r>
              <a:rPr lang="en-US" sz="2000" dirty="0"/>
              <a:t> </a:t>
            </a:r>
            <a:r>
              <a:rPr lang="en-US" sz="2000" dirty="0" err="1"/>
              <a:t>vil</a:t>
            </a:r>
            <a:r>
              <a:rPr lang="en-US" sz="2000" dirty="0"/>
              <a:t> det </a:t>
            </a:r>
            <a:r>
              <a:rPr lang="en-US" sz="2000" dirty="0" err="1"/>
              <a:t>være</a:t>
            </a:r>
            <a:r>
              <a:rPr lang="en-US" sz="2000" dirty="0"/>
              <a:t> </a:t>
            </a:r>
            <a:r>
              <a:rPr lang="en-US" sz="2000" dirty="0" err="1"/>
              <a:t>muligt</a:t>
            </a:r>
            <a:r>
              <a:rPr lang="en-US" sz="2000" dirty="0"/>
              <a:t> at </a:t>
            </a:r>
            <a:r>
              <a:rPr lang="en-US" sz="2000" dirty="0" err="1"/>
              <a:t>monitorere</a:t>
            </a:r>
            <a:r>
              <a:rPr lang="en-US" sz="2000" dirty="0"/>
              <a:t> </a:t>
            </a:r>
            <a:r>
              <a:rPr lang="en-US" sz="2000" dirty="0" err="1"/>
              <a:t>kvaliteten</a:t>
            </a:r>
            <a:r>
              <a:rPr lang="en-US" sz="2000" dirty="0"/>
              <a:t> </a:t>
            </a:r>
            <a:r>
              <a:rPr lang="en-US" sz="2000" dirty="0" err="1"/>
              <a:t>af</a:t>
            </a:r>
            <a:r>
              <a:rPr lang="en-US" sz="2000" dirty="0"/>
              <a:t> de </a:t>
            </a:r>
            <a:r>
              <a:rPr lang="en-US" sz="2000" dirty="0" err="1"/>
              <a:t>enkelte</a:t>
            </a:r>
            <a:r>
              <a:rPr lang="en-US" sz="2000" dirty="0"/>
              <a:t> </a:t>
            </a:r>
            <a:r>
              <a:rPr lang="en-US" sz="2000" dirty="0" err="1"/>
              <a:t>behandlinger</a:t>
            </a:r>
            <a:r>
              <a:rPr lang="en-US" sz="2000" dirty="0"/>
              <a:t> </a:t>
            </a:r>
            <a:r>
              <a:rPr lang="en-US" sz="2000" dirty="0" err="1"/>
              <a:t>og</a:t>
            </a:r>
            <a:r>
              <a:rPr lang="en-US" sz="2000" dirty="0"/>
              <a:t> </a:t>
            </a:r>
            <a:r>
              <a:rPr lang="en-US" sz="2000" dirty="0" err="1"/>
              <a:t>forløb</a:t>
            </a:r>
            <a:r>
              <a:rPr lang="en-US" sz="2000" dirty="0"/>
              <a:t> </a:t>
            </a:r>
            <a:r>
              <a:rPr lang="en-US" sz="2000" dirty="0" err="1"/>
              <a:t>på</a:t>
            </a:r>
            <a:r>
              <a:rPr lang="en-US" sz="2000" dirty="0"/>
              <a:t> </a:t>
            </a:r>
            <a:r>
              <a:rPr lang="en-US" sz="2000" dirty="0" err="1"/>
              <a:t>individ</a:t>
            </a:r>
            <a:r>
              <a:rPr lang="en-US" sz="2000" dirty="0"/>
              <a:t> </a:t>
            </a:r>
            <a:r>
              <a:rPr lang="en-US" sz="2000" dirty="0" err="1"/>
              <a:t>og</a:t>
            </a:r>
            <a:r>
              <a:rPr lang="en-US" sz="2000" dirty="0"/>
              <a:t> </a:t>
            </a:r>
            <a:r>
              <a:rPr lang="en-US" sz="2000" dirty="0" err="1"/>
              <a:t>gruppeniveau</a:t>
            </a:r>
            <a:r>
              <a:rPr lang="en-US" sz="2000" dirty="0"/>
              <a:t>.  </a:t>
            </a:r>
          </a:p>
        </p:txBody>
      </p:sp>
    </p:spTree>
    <p:extLst>
      <p:ext uri="{BB962C8B-B14F-4D97-AF65-F5344CB8AC3E}">
        <p14:creationId xmlns:p14="http://schemas.microsoft.com/office/powerpoint/2010/main" val="33870358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7DBB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3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973038327532712","enableDocumentContentUpdater":true,"version":"1.3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TemplateConfiguration><![CDATA[{"elementsMetadata":[{"type":"shape","id":"e3368ed3-b6df-4e7d-8aa5-ea99a4d9d303","elementConfiguration":{"inheritDimensions":"inheritNone","width":"1.9 cm","height":"1.9 cm","disableUpdates":false,"type":"image"}},{"type":"shape","id":"7b3ba6e2-14b2-4a16-b377-5d612b6e3914","elementConfiguration":{"binding":"UserProfile.Office.Virksomhed_{{DocumentLanguage}}","disableUpdates":false,"type":"text"}},{"type":"shape","id":"17516cd1-f356-4cee-8b68-f972b367132c","elementConfiguration":{"binding":"UserProfile.CenterFreeText","visibility":{"action":"hide","binding":"UserProfile.Centers.CenterUI","operator":"notEquals","compareValue":"Intet valgt"},"disableUpdates":false,"type":"text"}},{"type":"shape","id":"7fc51c7d-9c5e-4103-9f6f-ae41abe0f9c6","elementConfiguration":{"binding":"UserProfile.Centers.Center_{{DocumentLanguage}}","visibility":{"action":"hide","binding":"UserProfile.Centers.CenterUI","operator":"equals","compareValue":"Intet valgt"},"disableUpdates":false,"type":"text"}},{"type":"shape","id":"5ea54a4f-5f59-42a6-81be-ea0534385f4b","elementConfiguration":{"binding":"Form.PresentationTitle","disableUpdates":false,"type":"text"}},{"type":"shape","id":"6661ffba-9c1a-4c87-aacd-5ae54c44190a","elementConfiguration":{"inheritDimensions":"inheritNone","width":"1.9 cm","height":"1.9 cm","binding":"UserProfile.Office.LogoColor_DCU","disableUpdates":false,"type":"image"}},{"type":"shape","id":"a1996c76-1f0b-40be-af93-eca44dac5ebb","elementConfiguration":{"inheritDimensions":"inheritNone","width":"3.68 cm","height":"1.17 cm","binding":"UserProfile.EkstraLogo.ExtraLogoPPNEGDCU_{{DocumentLanguage}}","disableUpdates":false,"type":"image"}},{"type":"shape","id":"bdc5ebed-9ffa-4b11-8aed-7543bb09f19a","elementConfiguration":{"inheritDimensions":"inheritNone","width":"2.42 cm","height":"2.5 cm","binding":"UserProfile.EkstraLogo.ExtraLogoFive_PP_DCU_{{DocumentLanguage}}","disableUpdates":false,"type":"image"}},{"type":"shape","id":"34c6b892-c183-4e8e-a23b-bd2b26ef729e","elementConfiguration":{"inheritDimensions":"inheritNone","width":"2.42 cm","height":"2.5 cm","binding":"UserProfile.EkstraLogo.ExtraLogoTwo_PP_DCU_{{DocumentLanguage}}","disableUpdates":false,"type":"image"}},{"type":"shape","id":"83051f6f-fd8c-47c9-9ea1-e51f094be199","elementConfiguration":{"binding":"UserProfile.Name","visibility":{"action":"hide","binding":"Form.Manuel_dato","operator":"notEquals","compareValue":""},"disableUpdates":false,"type":"text"}},{"type":"shape","id":"e7121500-5d7e-4636-92a8-c33df8b81b68","elementConfiguration":{"binding":"Form.Manuel_dato","visibility":{"action":"hide","operator":"equals","compareValue":""},"disableUpdates":false,"type":"text"}},{"type":"shape","id":"12eaadfb-b718-41dd-a45a-f0613baf0279","elementConfiguration":{"inheritDimensions":"inheritNone","width":"6.05 cm","height":"1.9 cm","binding":"UserProfile.EkstraLogo.ExtraLogoSix_PP_DCU_{{DocumentLanguage}}","disableUpdates":false,"type":"image"}},{"type":"shape","id":"684f68d3-bbad-4c05-872f-5e8045bf5446","elementConfiguration":{"inheritDimensions":"inheritWidth","width":"1.91 cm","binding":"UserProfile.Office.LogoH_PP_DCU","disableUpdates":false,"type":"image"}},{"type":"shape","id":"78da96f6-1490-4780-803a-34b60b2f0790","elementConfiguration":{"inheritDimensions":"inheritNone","width":"3.68 cm","height":"1.17 cm","binding":"UserProfile.EkstraLogo.ExtraLogoPPDCU_{{DocumentLanguage}}","disableUpdates":false,"type":"image"}},{"type":"shape","id":"a6ad4670-bf38-4799-840c-7a312238785f","elementConfiguration":{"binding":"UserProfile.Office.Virksomhed_{{DocumentLanguage}}","disableUpdates":false,"type":"text"}},{"type":"shape","id":"d2624f78-30f4-45ec-a92e-b9a6dfca8c6a","elementConfiguration":{"binding":"UserProfile.CenterFreeText","visibility":{"action":"hide","binding":"UserProfile.Centers.CenterUI","operator":"notEquals","compareValue":"Intet valgt"},"disableUpdates":false,"type":"text"}},{"type":"shape","id":"23756e82-26ff-4b3f-9740-59bec0d60408","elementConfiguration":{"binding":"UserProfile.Centers.Center_{{DocumentLanguage}}","visibility":{"action":"hide","binding":"UserProfile.Centers.CenterUI","operator":"equals","compareValue":"Intet valgt"},"disableUpdates":false,"type":"text"}},{"type":"shape","id":"38951409-791a-4cf9-b638-cbafe8d9e02a","elementConfiguration":{"binding":"Form.PresentationTitle","disableUpdates":false,"type":"text"}},{"type":"shape","id":"c1e2ec78-254b-4f6d-89cd-393559c0c56f","elementConfiguration":{"inheritDimensions":"inheritNone","width":"2.42 cm","height":"2.5 cm","binding":"UserProfile.EkstraLogo.ExtraLogoFive_PP_DCU_{{DocumentLanguage}}","disableUpdates":false,"type":"image"}},{"type":"shape","id":"b365993e-1c03-4f0f-a7c4-3b2d7ffc53d8","elementConfiguration":{"inheritDimensions":"inheritNone","width":"2.42 cm","height":"2.5 cm","binding":"UserProfile.EkstraLogo.ExtraLogoTwo_PP_DCU_{{DocumentLanguage}}","disableUpdates":false,"type":"image"}},{"type":"shape","id":"88d87b7d-6029-458c-b3a7-3a8de0c62f49","elementConfiguration":{"binding":"UserProfile.Name","visibility":{"action":"hide","binding":"Form.Manuel_dato","operator":"notEquals","compareValue":""},"disableUpdates":false,"type":"text"}},{"type":"shape","id":"83094403-ed59-49d1-a463-89ee6c3c4481","elementConfiguration":{"binding":"Form.Manuel_dato","visibility":{"action":"hide","operator":"equals","compareValue":""},"disableUpdates":false,"type":"text"}},{"type":"shape","id":"1a0f1938-f514-4768-a55e-4cec3343673b","elementConfiguration":{"inheritDimensions":"inheritNone","width":"1.9 cm","height":"19.05 cm","binding":"UserProfile.Office.LogoColor_DCU","disableUpdates":false,"type":"image"}},{"type":"shape","id":"028cb8a8-c79b-421c-9c2c-c73bc1fcda21","elementConfiguration":{"inheritDimensions":"inheritNone","width":"6.05 cm","height":"1.9 cm","binding":"UserProfile.EkstraLogo.ExtraLogoSix_PP_DCU_{{DocumentLanguage}}","disableUpdates":false,"type":"image"}},{"type":"shape","id":"8d586042-5e61-462a-a7de-7a32ac685c91","elementConfiguration":{"inheritDimensions":"inheritWidth","width":"1.91 cm","binding":"UserProfile.Office.LogoH_PP_DCU","disableUpdates":false,"type":"image"}},{"type":"shape","id":"1e75c0dd-be99-440a-bf81-f4554f17c8b6","elementConfiguration":{"binding":"UserProfile.Office.Virksomhed_{{DocumentLanguage}}","disableUpdates":false,"type":"text"}},{"type":"shape","id":"0e9e4b83-8e1a-41a2-a5d6-7b58be554a88","elementConfiguration":{"binding":"UserProfile.CenterFreeText","visibility":{"action":"hide","binding":"UserProfile.Centers.CenterUI","operator":"notEquals","compareValue":"Intet valgt"},"disableUpdates":false,"type":"text"}},{"type":"shape","id":"8afe28b4-c5c7-46cd-9704-56739dd03ba5","elementConfiguration":{"binding":"UserProfile.Centers.Center_{{DocumentLanguage}}","visibility":{"action":"hide","binding":"UserProfile.Centers.CenterUI","operator":"equals","compareValue":"Intet valgt"},"disableUpdates":false,"type":"text"}},{"type":"shape","id":"35bfd44a-8c58-4774-99bd-5ca51cf12a50","elementConfiguration":{"binding":"Form.PresentationTitle","disableUpdates":false,"type":"text"}},{"type":"shape","id":"200aa954-51ae-4066-90cd-9ca13ffddb4a","elementConfiguration":{"inheritDimensions":"inheritNone","width":"1.9 cm","height":"1.9 cm","binding":"UserProfile.Office.LogoColor_DCU","disableUpdates":false,"type":"image"}},{"type":"shape","id":"9fc4c9db-2810-436b-8dff-24cd0d39b0ba","elementConfiguration":{"inheritDimensions":"inheritNone","width":"3.68 cm","height":"1.17 cm","binding":"UserProfile.EkstraLogo.ExtraLogoPPNEGDCU_{{DocumentLanguage}}","disableUpdates":false,"type":"image"}},{"type":"shape","id":"361c9060-79a2-4059-a49b-5fccb741821d","elementConfiguration":{"inheritDimensions":"inheritNone","width":"2.42 cm","height":"2.5 cm","binding":"UserProfile.EkstraLogo.ExtraLogoFive_PP_DCU_{{DocumentLanguage}}","disableUpdates":false,"type":"image"}},{"type":"shape","id":"6c3acf12-aeb9-4039-b82f-ec394e820fc2","elementConfiguration":{"inheritDimensions":"inheritNone","width":"2.42 cm","height":"2.5 cm","binding":"UserProfile.EkstraLogo.ExtraLogoTwo_PP_DCU_{{DocumentLanguage}}","disableUpdates":false,"type":"image"}},{"type":"shape","id":"1ededc74-296b-4cd2-964a-a411ce13e813","elementConfiguration":{"binding":"UserProfile.Name","visibility":{"action":"hide","binding":"Form.Manuel_dato","operator":"notEquals","compareValue":""},"disableUpdates":false,"type":"text"}},{"type":"shape","id":"f59983f0-2277-42fe-bb43-4e77e186bf93","elementConfiguration":{"binding":"Form.Manuel_dato","visibility":{"action":"hide","operator":"equals","compareValue":""},"disableUpdates":false,"type":"text"}},{"type":"shape","id":"88787ea1-2260-4f66-b5b2-57317078c24d","elementConfiguration":{"inheritDimensions":"inheritNone","width":"6.05 cm","height":"1.9 cm","binding":"UserProfile.EkstraLogo.ExtraLogoSix_PP_DCU_{{DocumentLanguage}}","disableUpdates":false,"type":"image"}},{"type":"shape","id":"8b2a1493-b169-4b9c-9f29-67444ec4b8a5","elementConfiguration":{"inheritDimensions":"inheritWidth","width":"1.91 cm","binding":"UserProfile.Office.LogoH_PP_DCU","disableUpdates":false,"type":"image"}},{"type":"shape","id":"18bd16ee-4e2e-4c17-95de-1e59325bfe5e","elementConfiguration":{"binding":"UserProfile.Office.Virksomhed_{{DocumentLanguage}}","disableUpdates":false,"type":"text"}},{"type":"shape","id":"e853ed1f-70c0-4704-97b9-c06422ee864e","elementConfiguration":{"binding":"UserProfile.CenterFreeText","visibility":{"action":"hide","binding":"UserProfile.Centers.CenterUI","operator":"notEquals","compareValue":"Intet valgt"},"disableUpdates":false,"type":"text"}},{"type":"shape","id":"c59127ca-2f62-4dbf-99d4-20cbf739fad3","elementConfiguration":{"binding":"UserProfile.Centers.Center_{{DocumentLanguage}}","visibility":{"action":"hide","binding":"UserProfile.Centers.CenterUI","operator":"equals","compareValue":"Intet valgt"},"disableUpdates":false,"type":"text"}},{"type":"shape","id":"093f0cd5-5a3b-4380-9309-31c3d5975a00","elementConfiguration":{"binding":"Form.PresentationTitle","disableUpdates":false,"type":"text"}},{"type":"shape","id":"797ef987-a3f7-4329-b179-35cf599c31ec","elementConfiguration":{"inheritDimensions":"inheritNone","width":"1.9 cm","height":"1.9 cm","binding":"UserProfile.Office.LogoColor_DCU","disableUpdates":false,"type":"image"}},{"type":"shape","id":"636c3da5-e854-4a1a-b3c5-0099f62c78d8","elementConfiguration":{"inheritDimensions":"inheritNone","width":"3.68 cm","height":"1.17 cm","binding":"UserProfile.EkstraLogo.ExtraLogoPPNEGDCU_{{DocumentLanguage}}","disableUpdates":false,"type":"image"}},{"type":"shape","id":"ddebf5e5-64c2-479d-914e-2c1720710109","elementConfiguration":{"inheritDimensions":"inheritNone","width":"2.42 cm","height":"2.5 cm","binding":"UserProfile.EkstraLogo.ExtraLogoFive_PP_DCU_{{DocumentLanguage}}","disableUpdates":false,"type":"image"}},{"type":"shape","id":"f82c368d-e226-4256-bf82-7f486cb661e7","elementConfiguration":{"inheritDimensions":"inheritNone","width":"2.42 cm","height":"2.5 cm","binding":"UserProfile.EkstraLogo.ExtraLogoTwo_PP_DCU_{{DocumentLanguage}}","disableUpdates":false,"type":"image"}},{"type":"shape","id":"aafde38d-e862-406b-99b1-7f56e6f9673c","elementConfiguration":{"binding":"UserProfile.Name","visibility":{"action":"hide","binding":"Form.Manuel_dato","operator":"notEquals","compareValue":""},"disableUpdates":false,"type":"text"}},{"type":"shape","id":"6c157d42-7d32-4f99-bd55-0fc3a5bada58","elementConfiguration":{"binding":"Form.Manuel_dato","visibility":{"action":"hide","operator":"equals","compareValue":""},"disableUpdates":false,"type":"text"}},{"type":"shape","id":"5b40858a-3a2a-42a0-8026-b3ef835cdb9c","elementConfiguration":{"inheritDimensions":"inheritNone","width":"6.05 cm","height":"1.9 cm","binding":"UserProfile.EkstraLogo.ExtraLogoSix_PP_DCU_{{DocumentLanguage}}","disableUpdates":false,"type":"image"}},{"type":"shape","id":"84f23ba7-ad50-432a-96b4-4367be4cf30b","elementConfiguration":{"inheritDimensions":"inheritWidth","width":"1.91 cm","binding":"UserProfile.Office.LogoH_PP_DCU","disableUpdates":false,"type":"image"}},{"type":"shape","id":"5645e59a-987c-4de6-974b-257d0b8d147c","elementConfiguration":{"inheritDimensions":"inheritNone","width":"33.89 cm","height":"19.07 cm","binding":"UserProfile.Centers.VaelgKorrektSkabelon169DCU","disableUpdates":false,"type":"image"}},{"type":"shape","id":"72413cfb-e409-4864-a0ab-85e92d6e6fb9","elementConfiguration":{"inheritDimensions":"inheritNone","width":"33.89 cm","height":"19.07 cm","binding":"UserProfile.Centers.VaelgKorrektSkabelon169DCU","disableUpdates":false,"type":"image"}},{"type":"shape","id":"f864dd17-4a1d-4123-95a5-4d918b164995","elementConfiguration":{"binding":"Form.PresentationTitle","disableUpdates":false,"type":"text"}},{"type":"shape","id":"89323a69-4ba3-4f55-be71-26e3393d7ba3","elementConfiguration":{"binding":"UserProfile.Name","visibility":{"action":"hide","binding":"Form.Manuel_dato","operator":"notEquals","compareValue":""},"disableUpdates":false,"type":"text"}},{"type":"shape","id":"d7cbb35a-f15c-4dcf-b81d-465d3fd51ba4","elementConfiguration":{"inheritDimensions":"inheritNone","width":"3.68 cm","height":"1.17 cm","binding":"UserProfile.EkstraLogo.ExtraLogoPPNEGDCU_{{DocumentLanguage}}","disableUpdates":false,"type":"image"}},{"type":"shape","id":"dc5ee2d3-8b8c-4bc1-8288-a50e0b817144","elementConfiguration":{"inheritDimensions":"inheritNone","width":"2.42 cm","height":"2.5 cm","binding":"UserProfile.EkstraLogo.ExtraLogoFive_PP_DCU_{{DocumentLanguage}}","disableUpdates":false,"type":"image"}},{"type":"shape","id":"27b103cb-6515-423a-b908-22ee6fa2109b","elementConfiguration":{"inheritDimensions":"inheritNone","width":"2.42 cm","height":"2.5 cm","binding":"UserProfile.EkstraLogo.ExtraLogoTwo_PP_DCU_{{DocumentLanguage}}","disableUpdates":false,"type":"image"}},{"type":"shape","id":"489e42f2-d2c7-4573-b843-96230ce97108","elementConfiguration":{"binding":"UserProfile.Office.Virksomhed_{{DocumentLanguage}}","disableUpdates":false,"type":"text"}},{"type":"shape","id":"c8f3a561-5cf7-47ac-bf18-8462a7b87d8d","elementConfiguration":{"binding":"UserProfile.CenterFreeText","visibility":{"action":"hide","binding":"UserProfile.Centers.CenterUI","operator":"notEquals","compareValue":"Intet valgt"},"disableUpdates":false,"type":"text"}},{"type":"shape","id":"473ea428-47c5-4453-9a7d-5a3036f6c0fd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5528b923-3862-4685-a9f9-e87b6bfc53a8","elementConfiguration":{"binding":"Form.Manuel_dato","visibility":{"action":"hide","operator":"equals","compareValue":""},"disableUpdates":false,"type":"text"}},{"type":"shape","id":"24d8ba99-b801-45c9-9ebc-02db6e9954b1","elementConfiguration":{"inheritDimensions":"inheritNone","width":"1.9 cm","height":"19.05 cm","binding":"UserProfile.Office.LogoColor_DCU","disableUpdates":false,"type":"image"}},{"type":"shape","id":"073447f5-793d-4374-accf-3f29464d63ad","elementConfiguration":{"inheritDimensions":"inheritNone","width":"6.05 cm","height":"1.9 cm","binding":"UserProfile.EkstraLogo.ExtraLogoSix_PP_DCU_{{DocumentLanguage}}","disableUpdates":false,"type":"image"}},{"type":"shape","id":"a23421c7-5dc8-4721-9df4-852e3d223ba4","elementConfiguration":{"inheritDimensions":"inheritWidth","width":"1.91 cm","binding":"UserProfile.Office.LogoH_PP_DCU","disableUpdates":false,"type":"image"}},{"type":"shape","id":"81ef6626-908c-4d68-9a18-85e9017192de","elementConfiguration":{"inheritDimensions":"inheritNone","width":"1.9 cm","height":"19.05 cm","binding":"UserProfile.Office.LogoColor_DCU","disableUpdates":false,"type":"image"}},{"type":"shape","id":"9fa1a4ce-094d-4f65-b131-a78370916ca9","elementConfiguration":{"inheritDimensions":"inheritNone","width":"3.68 cm","height":"1.17 cm","binding":"UserProfile.EkstraLogo.ExtraLogoPPNEGDCU_{{DocumentLanguage}}","disableUpdates":false,"type":"image"}},{"type":"shape","id":"ad2e65e5-4304-4f80-8fca-b422c78fa10f","elementConfiguration":{"binding":"UserProfile.Office.Virksomhed_{{DocumentLanguage}}","disableUpdates":false,"type":"text"}},{"type":"shape","id":"67251004-8cc2-4b0e-aa04-5a1cb9b8f8b1","elementConfiguration":{"binding":"UserProfile.CenterFreeText","visibility":{"action":"hide","binding":"UserProfile.Centers.CenterUI","operator":"notEquals","compareValue":"Intet valgt","compareValues":[""]},"disableUpdates":false,"type":"text"}},{"type":"shape","id":"b83e7f10-9310-4e2b-b93f-1995fd3c8ef4","elementConfiguration":{"binding":"UserProfile.Centers.Center_{{DocumentLanguage}}","visibility":{"action":"hide","binding":"UserProfile.Centers.CenterUI","operator":"equals","compareValue":"Intet valgt"},"disableUpdates":false,"type":"text"}},{"type":"shape","id":"e9393320-a35d-48c7-9d10-3fb4d34c5321","elementConfiguration":{"binding":"Form.PresentationTitle","disableUpdates":false,"type":"text"}},{"type":"shape","id":"872f447b-ad5e-40c4-98b6-7a672f8456d0","elementConfiguration":{"inheritDimensions":"inheritNone","width":"2.42 cm","height":"2.5 cm","binding":"UserProfile.EkstraLogo.ExtraLogoFive_PP_DCU_{{DocumentLanguage}}","disableUpdates":false,"type":"image"}},{"type":"shape","id":"f8bb0c79-217b-422f-a920-57d3a613c242","elementConfiguration":{"inheritDimensions":"inheritNone","width":"2.42 cm","height":"2.5 cm","binding":"UserProfile.EkstraLogo.ExtraLogoTwo_PP_DCU_{{DocumentLanguage}}","disableUpdates":false,"type":"image"}},{"type":"shape","id":"d3c58c4e-0ed7-435f-9948-f259397ed533","elementConfiguration":{"binding":"UserProfile.Name","visibility":{"action":"hide","binding":"Form.Manuel_dato","operator":"notEquals","compareValue":""},"disableUpdates":false,"type":"text"}},{"type":"shape","id":"4295380e-8793-4ec7-b8d4-b78a1238e44f","elementConfiguration":{"binding":"Form.Manuel_dato","visibility":{"action":"hide","operator":"equals","compareValue":""},"disableUpdates":false,"type":"text"}},{"type":"shape","id":"6eda1a5f-e32f-45f2-952f-8f23bd9d04cf","elementConfiguration":{"inheritDimensions":"inheritNone","width":"6.05 cm","height":"1.9 cm","binding":"UserProfile.EkstraLogo.ExtraLogoSixNEG_PP_DCU_{{DocumentLanguage}}","disableUpdates":false,"type":"image"}},{"type":"shape","id":"a5ddad3e-4c21-483c-b4f3-7878f49985b0","elementConfiguration":{"inheritDimensions":"inheritWidth","width":"1.91 cm","binding":"UserProfile.Office.LogoH_PP_DCU","disableUpdates":false,"type":"image"}},{"type":"shape","id":"246cec23-b50d-4227-bd3f-7bc2b1559e86","elementConfiguration":{"inheritDimensions":"inheritNone","width":"33.89 cm","height":"19.07 cm","binding":"UserProfile.Centers.VaelgKorrektSkabelon169DCU","disableUpdates":false,"type":"image"}},{"type":"shape","id":"30ab37f5-c38e-4178-8fd7-c572c97eff7c","elementConfiguration":{"inheritDimensions":"inheritNone","width":"33.89 cm","height":"19.07 cm","binding":"UserProfile.Centers.VaelgKorrektSkabelon169DCU","disableUpdates":false,"type":"image"}},{"type":"shape","id":"aa5e1625-ad7f-4712-b0d0-3b30edeeca86","elementConfiguration":{"binding":"Form.PresentationTitle","disableUpdates":false,"type":"text"}},{"type":"shape","id":"16a3c4ff-80c3-482d-8b93-d80eda76bae7","elementConfiguration":{"binding":"UserProfile.Name","visibility":{"action":"hide","binding":"Form.Manuel_dato","operator":"notEquals","compareValue":""},"disableUpdates":false,"type":"text"}},{"type":"shape","id":"18ba30ac-ebff-4762-90cd-28790e55d276","elementConfiguration":{"inheritDimensions":"inheritNone","width":"3.68 cm","height":"1.17 cm","binding":"UserProfile.EkstraLogo.ExtraLogoPPNEGDCU_{{DocumentLanguage}}","disableUpdates":false,"type":"image"}},{"type":"shape","id":"74e422ef-f732-40ca-908b-cc40305db167","elementConfiguration":{"inheritDimensions":"inheritNone","width":"2.42 cm","height":"2.5 cm","binding":"UserProfile.EkstraLogo.ExtraLogoFive_PP_DCU_{{DocumentLanguage}}","disableUpdates":false,"type":"image"}},{"type":"shape","id":"4162c5ff-e32f-414c-ad0c-9937b3f462a6","elementConfiguration":{"inheritDimensions":"inheritNone","width":"2.42 cm","height":"2.5 cm","binding":"UserProfile.EkstraLogo.ExtraLogoTwo_PP_DCU_{{DocumentLanguage}}","disableUpdates":false,"type":"image"}},{"type":"shape","id":"feba6b9e-0962-4409-b0e7-c3c7b438e159","elementConfiguration":{"binding":"UserProfile.Office.Virksomhed_{{DocumentLanguage}}","disableUpdates":false,"type":"text"}},{"type":"shape","id":"21f8849d-7ba0-4fb4-b332-9a06a6f5cc1b","elementConfiguration":{"binding":"UserProfile.CenterFreeText","visibility":{"action":"hide","binding":"UserProfile.Centers.CenterUI","operator":"notEquals","compareValue":"Intet valgt"},"disableUpdates":false,"type":"text"}},{"type":"shape","id":"2513de26-c0f3-4a23-a937-0ffe156b44ea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30e6d130-b4cc-49ec-ab8a-684d98ed8584","elementConfiguration":{"binding":"Form.Manuel_dato","visibility":{"action":"hide","operator":"equals","compareValue":""},"disableUpdates":false,"type":"text"}},{"type":"shape","id":"6bca3cea-9a8b-4854-8a88-1b9d5eee4913","elementConfiguration":{"inheritDimensions":"inheritNone","width":"1.9 cm","height":"19.05 cm","binding":"UserProfile.Office.LogoColor_DCU","disableUpdates":false,"type":"image"}},{"type":"shape","id":"6a2086c9-55f1-4079-ad73-ae8bfd5cdf51","elementConfiguration":{"inheritDimensions":"inheritNone","width":"6.05 cm","height":"1.9 cm","binding":"UserProfile.EkstraLogo.ExtraLogoSix_PP_DCU_{{DocumentLanguage}}","disableUpdates":false,"type":"image"}},{"type":"shape","id":"e91054a8-9038-45ee-82e1-2d25755899e6","elementConfiguration":{"inheritDimensions":"inheritWidth","width":"1.91 cm","binding":"UserProfile.Office.LogoH_PP_DCU","disableUpdates":false,"type":"image"}},{"type":"shape","id":"0da2f44f-bd8d-4cb9-9299-b1e5b1a080ae","elementConfiguration":{"binding":"UserProfile.Office.Virksomhed_{{DocumentLanguage}}","disableUpdates":false,"type":"text"}},{"type":"shape","id":"5bd70aae-fb02-4357-9738-8100481f91b1","elementConfiguration":{"binding":"UserProfile.CenterFreeText","visibility":{"action":"hide","binding":"UserProfile.Centers.CenterUI","operator":"notEquals","compareValue":"Intet valgt","compareValues":[""]},"disableUpdates":false,"type":"text"}},{"type":"shape","id":"a143e7b6-cee0-4e01-945d-95b0902d2035","elementConfiguration":{"binding":"UserProfile.Centers.Center_{{DocumentLanguage}}","visibility":{"action":"hide","binding":"UserProfile.Centers.CenterUI","operator":"equals","compareValue":"Intet valgt"},"disableUpdates":false,"type":"text"}},{"type":"shape","id":"af6e2ebb-1b64-4436-a857-db641369529f","elementConfiguration":{"binding":"Form.PresentationTitle","disableUpdates":false,"type":"text"}},{"type":"shape","id":"ed0ab3c3-994d-47ca-95f3-19c629ad9f6a","elementConfiguration":{"inheritDimensions":"inheritNone","width":"1.9 cm","height":"1.9 cm","binding":"UserProfile.Office.LogoColor_DCU","disableUpdates":false,"type":"image"}},{"type":"shape","id":"0465b45a-fbb8-4daa-a5e1-012d276933ff","elementConfiguration":{"inheritDimensions":"inheritNone","width":"3.68 cm","height":"1.17 cm","binding":"UserProfile.EkstraLogo.ExtraLogoPPNEGDCU_{{DocumentLanguage}}","disableUpdates":false,"type":"image"}},{"type":"shape","id":"04ff0a56-240b-4eae-b9f2-3fc1d5603e56","elementConfiguration":{"inheritDimensions":"inheritNone","width":"2.42 cm","height":"2.5 cm","binding":"UserProfile.EkstraLogo.ExtraLogoFive_PP_DCU_{{DocumentLanguage}}","disableUpdates":false,"type":"image"}},{"type":"shape","id":"497f104c-f785-4f80-a7d6-efc7a184ad7b","elementConfiguration":{"inheritDimensions":"inheritNone","width":"2.42 cm","height":"2.5 cm","binding":"UserProfile.EkstraLogo.ExtraLogoTwo_PP_DCU_{{DocumentLanguage}}","disableUpdates":false,"type":"image"}},{"type":"shape","id":"890460a6-6916-4599-9a05-14fc70a74563","elementConfiguration":{"binding":"UserProfile.Name","visibility":{"action":"hide","binding":"Form.Manuel_dato","operator":"notEquals","compareValue":""},"disableUpdates":false,"type":"text"}},{"type":"shape","id":"a3f64fb1-5b71-4e68-8518-d9ba9996fd3c","elementConfiguration":{"binding":"Form.Manuel_dato","visibility":{"action":"hide","operator":"equals","compareValue":""},"disableUpdates":false,"type":"text"}},{"type":"shape","id":"00f3376a-9721-495d-9dda-81fc09e37716","elementConfiguration":{"inheritDimensions":"inheritNone","width":"6.05 cm","height":"1.9 cm","binding":"UserProfile.EkstraLogo.ExtraLogoSix_PP_DCU_{{DocumentLanguage}}","disableUpdates":false,"type":"image"}},{"type":"shape","id":"56a7d8bc-9ff5-430d-b521-92ba87681939","elementConfiguration":{"inheritDimensions":"inheritWidth","width":"1.91 cm","binding":"UserProfile.Office.LogoH_PP_DCU","disableUpdates":false,"type":"image"}},{"type":"shape","id":"bade2662-95d7-441d-bc38-633d9851a5b4","elementConfiguration":{"binding":"UserProfile.Office.Virksomhed_{{DocumentLanguage}}","disableUpdates":false,"type":"text"}},{"type":"shape","id":"f005d807-6f2a-415e-bcde-accc66f43cfc","elementConfiguration":{"binding":"UserProfile.CenterFreeText","visibility":{"action":"hide","binding":"UserProfile.Centers.CenterUI","operator":"notEquals","compareValue":"Intet valgt"},"disableUpdates":false,"type":"text"}},{"type":"shape","id":"956afc51-d90b-47c1-a092-982891d1e05e","elementConfiguration":{"binding":"UserProfile.Centers.Center_{{DocumentLanguage}}","visibility":{"action":"hide","binding":"UserProfile.Centers.CenterUI","operator":"equals","compareValue":"Intet valgt"},"disableUpdates":false,"type":"text"}},{"type":"shape","id":"2da151bd-6306-4d7b-b531-ff202db7f814","elementConfiguration":{"binding":"Form.PresentationTitle","disableUpdates":false,"type":"text"}},{"type":"shape","id":"1a089b98-2777-44ba-b89a-22da5f7b5b1b","elementConfiguration":{"inheritDimensions":"inheritNone","width":"1.9 cm","height":"1.9 cm","binding":"UserProfile.Office.LogoColor_DCU","disableUpdates":false,"type":"image"}},{"type":"shape","id":"85ed18c9-0c95-4160-a64c-01c920bb9c7a","elementConfiguration":{"inheritDimensions":"inheritNone","width":"3.68 cm","height":"1.17 cm","binding":"UserProfile.EkstraLogo.ExtraLogoPPNEGDCU_{{DocumentLanguage}}","disableUpdates":false,"type":"image"}},{"type":"shape","id":"765a02b4-054a-46d9-940e-d82911707a6b","elementConfiguration":{"inheritDimensions":"inheritNone","width":"2.42 cm","height":"2.5 cm","binding":"UserProfile.EkstraLogo.ExtraLogoFive_PP_DCU_{{DocumentLanguage}}","disableUpdates":false,"type":"image"}},{"type":"shape","id":"d14efaf2-37da-43cb-bc52-6bdab7443d0e","elementConfiguration":{"inheritDimensions":"inheritNone","width":"2.42 cm","height":"2.5 cm","binding":"UserProfile.EkstraLogo.ExtraLogoTwo_PP_DCU_{{DocumentLanguage}}","disableUpdates":false,"type":"image"}},{"type":"shape","id":"114b6ec6-efc5-41da-960f-48fda8ba6840","elementConfiguration":{"binding":"UserProfile.Name","visibility":{"action":"hide","binding":"Form.Manuel_dato","operator":"notEquals","compareValue":""},"disableUpdates":false,"type":"text"}},{"type":"shape","id":"2e7f40f6-3408-4601-90f4-0a4fcb132c94","elementConfiguration":{"binding":"Form.Manuel_dato","visibility":{"action":"hide","operator":"equals","compareValue":""},"disableUpdates":false,"type":"text"}},{"type":"shape","id":"a6bb71aa-48ef-48fa-967c-7e44f892f9b4","elementConfiguration":{"inheritDimensions":"inheritNone","width":"6.05 cm","height":"1.9 cm","binding":"UserProfile.EkstraLogo.ExtraLogoSix_PP_DCU_{{DocumentLanguage}}","disableUpdates":false,"type":"image"}},{"type":"shape","id":"5cca2be4-c732-4f67-a24a-71ad84e03bd0","elementConfiguration":{"inheritDimensions":"inheritWidth","width":"1.91 cm","binding":"UserProfile.Office.LogoH_PP_DCU","disableUpdates":false,"type":"image"}},{"type":"shape","id":"f765621e-4572-44d5-a9c3-9c40a0ed4ab6","elementConfiguration":{"binding":"UserProfile.Office.Virksomhed_{{DocumentLanguage}}","disableUpdates":false,"type":"text"}},{"type":"shape","id":"6cd3fd42-3a34-48eb-bd4d-acdfe7634beb","elementConfiguration":{"binding":"UserProfile.CenterFreeText","visibility":{"action":"hide","binding":"UserProfile.Centers.CenterUI","operator":"notEquals","compareValue":"Intet valgt"},"disableUpdates":false,"type":"text"}},{"type":"shape","id":"fbc11bcf-6c53-4068-8da7-3cb79cef989e","elementConfiguration":{"binding":"UserProfile.Centers.Center_{{DocumentLanguage}}","visibility":{"action":"hide","binding":"UserProfile.Centers.CenterUI","operator":"equals","compareValue":"Intet valgt"},"disableUpdates":false,"type":"text"}},{"type":"shape","id":"33f82928-eeac-4296-8db2-bc7e9a2d557d","elementConfiguration":{"binding":"Form.PresentationTitle","disableUpdates":false,"type":"text"}},{"type":"shape","id":"a9c3c1a8-fe38-441b-b09a-126c5088c518","elementConfiguration":{"inheritDimensions":"inheritNone","width":"1.9 cm","height":"1.9 cm","binding":"UserProfile.Office.LogoColor_DCU","disableUpdates":false,"type":"image"}},{"type":"shape","id":"f04cdbc7-805e-470c-ad6e-472868a2e90f","elementConfiguration":{"inheritDimensions":"inheritNone","width":"3.68 cm","height":"1.17 cm","binding":"UserProfile.EkstraLogo.ExtraLogoPPNEGDCU_{{DocumentLanguage}}","disableUpdates":false,"type":"image"}},{"type":"shape","id":"fc1542eb-38f2-473b-b86e-fe4dacf2b2a2","elementConfiguration":{"inheritDimensions":"inheritNone","width":"2.42 cm","height":"2.5 cm","binding":"UserProfile.EkstraLogo.ExtraLogoFive_PP_DCU_{{DocumentLanguage}}","disableUpdates":false,"type":"image"}},{"type":"shape","id":"a1d81c4c-bb29-42e4-956d-4ee164868369","elementConfiguration":{"inheritDimensions":"inheritNone","width":"2.42 cm","height":"2.5 cm","binding":"UserProfile.EkstraLogo.ExtraLogoTwo_PP_DCU_{{DocumentLanguage}}","disableUpdates":false,"type":"image"}},{"type":"shape","id":"5db87096-6bc4-4bae-ab11-98e436aa9983","elementConfiguration":{"binding":"UserProfile.Name","visibility":{"action":"hide","binding":"Form.Manuel_dato","operator":"notEquals","compareValue":""},"disableUpdates":false,"type":"text"}},{"type":"shape","id":"8f569ea9-cc74-488f-8bbd-c1f0ecf32b8e","elementConfiguration":{"binding":"Form.Manuel_dato","visibility":{"action":"hide","operator":"equals","compareValue":""},"disableUpdates":false,"type":"text"}},{"type":"shape","id":"4159178e-98ec-4e0a-ba3b-108dfeadff6c","elementConfiguration":{"inheritDimensions":"inheritNone","width":"6.05 cm","height":"1.9 cm","binding":"UserProfile.EkstraLogo.ExtraLogoSix_PP_DCU_{{DocumentLanguage}}","disableUpdates":false,"type":"image"}},{"type":"shape","id":"b9587209-95fd-4978-8957-929f137acdb3","elementConfiguration":{"inheritDimensions":"inheritWidth","width":"1.91 cm","binding":"UserProfile.Office.LogoH_PP_DCU","disableUpdates":false,"type":"image"}},{"type":"shape","id":"38d5ac03-5198-473e-a47e-e2d07445440e","elementConfiguration":{"inheritDimensions":"inheritNone","width":"1.9 cm","height":"1.9 cm","binding":"UserProfile.Office.LogoColor_DCU","disableUpdates":false,"type":"image"}},{"type":"shape","id":"ce36e4f7-2037-4bd7-8e67-9f35ae9c6098","elementConfiguration":{"binding":"UserProfile.Office.Virksomhed_{{DocumentLanguage}}","disableUpdates":false,"type":"text"}},{"type":"shape","id":"d495cae3-7c06-40ea-b61e-6f7650756ded","elementConfiguration":{"binding":"UserProfile.CenterFreeText","visibility":{"action":"hide","binding":"UserProfile.Centers.CenterUI","operator":"notEquals","compareValue":"Intet valgt"},"disableUpdates":false,"type":"text"}},{"type":"shape","id":"b4681301-48a4-4dd7-9c55-4da646587d0f","elementConfiguration":{"binding":"UserProfile.Centers.Center_{{DocumentLanguage}}","visibility":{"action":"hide","binding":"UserProfile.Centers.CenterUI","operator":"equals","compareValue":"Intet valgt"},"disableUpdates":false,"type":"text"}},{"type":"shape","id":"1cc2e022-0a11-4ccd-99e9-8d2614dedaf4","elementConfiguration":{"binding":"Form.PresentationTitle","disableUpdates":false,"type":"text"}},{"type":"shape","id":"a68c1b0d-1b4c-4f3c-a202-d06c35e07ac8","elementConfiguration":{"inheritDimensions":"inheritNone","width":"3.68 cm","height":"1.17 cm","binding":"UserProfile.EkstraLogo.ExtraLogoPPNEGDCU_{{DocumentLanguage}}","disableUpdates":false,"type":"image"}},{"type":"shape","id":"f474505a-d1aa-4008-a635-f5c83202104c","elementConfiguration":{"inheritDimensions":"inheritNone","width":"2.42 cm","height":"2.5 cm","binding":"UserProfile.EkstraLogo.ExtraLogoFive_PP_DCU_{{DocumentLanguage}}","disableUpdates":false,"type":"image"}},{"type":"shape","id":"c944e119-5d48-4e90-a2a2-4662a98505a6","elementConfiguration":{"inheritDimensions":"inheritNone","width":"2.42 cm","height":"2.5 cm","binding":"UserProfile.EkstraLogo.ExtraLogoTwo_PP_DCU_{{DocumentLanguage}}","disableUpdates":false,"type":"image"}},{"type":"shape","id":"3686b626-4741-4d8f-a328-1456c8c69cbd","elementConfiguration":{"binding":"UserProfile.Name","visibility":{"action":"hide","binding":"Form.Manuel_dato","operator":"notEquals","compareValue":""},"disableUpdates":false,"type":"text"}},{"type":"shape","id":"c1bc46c9-b0a5-429a-82c1-b69d615e42ec","elementConfiguration":{"binding":"Form.Manuel_dato","visibility":{"action":"hide","operator":"equals","compareValue":""},"disableUpdates":false,"type":"text"}},{"type":"shape","id":"9f72af2a-b782-4772-b6f3-d21115571295","elementConfiguration":{"inheritDimensions":"inheritNone","width":"6.05 cm","height":"1.9 cm","binding":"UserProfile.EkstraLogo.ExtraLogoSix_PP_DCU_{{DocumentLanguage}}","disableUpdates":false,"type":"image"}},{"type":"shape","id":"c894282f-71ed-4d1c-b82e-4e71c83dd08d","elementConfiguration":{"inheritDimensions":"inheritWidth","width":"1.91 cm","binding":"UserProfile.Office.LogoH_PP_DCU","disableUpdates":false,"type":"image"}},{"type":"shape","id":"68b89a95-6a81-4bd0-ae6d-44dd2e061055","elementConfiguration":{"binding":"UserProfile.Office.Virksomhed_{{DocumentLanguage}}","disableUpdates":false,"type":"text"}},{"type":"shape","id":"3cf77540-8c1d-4d07-8b12-2a5b8cc4951a","elementConfiguration":{"binding":"UserProfile.CenterFreeText","visibility":{"action":"hide","binding":"UserProfile.Centers.CenterUI","operator":"notEquals","compareValue":"Intet valgt"},"disableUpdates":false,"type":"text"}},{"type":"shape","id":"818930c2-4bcb-4933-9ba9-3b48cd9c775f","elementConfiguration":{"binding":"UserProfile.Centers.Center_{{DocumentLanguage}}","visibility":{"action":"hide","binding":"UserProfile.Centers.CenterUI","operator":"equals","compareValue":"Intet valgt"},"disableUpdates":false,"type":"text"}},{"type":"shape","id":"e7b99c57-2bb2-40cb-9632-65bb9a1eb316","elementConfiguration":{"binding":"Form.PresentationTitle","disableUpdates":false,"type":"text"}},{"type":"shape","id":"cd98d2f4-a8d3-4ae7-9394-3cf06fcf9ff0","elementConfiguration":{"inheritDimensions":"inheritNone","width":"1.9 cm","height":"1.9 cm","binding":"UserProfile.Office.LogoColor_DCU","disableUpdates":false,"type":"image"}},{"type":"shape","id":"d8c280cc-913a-4a5e-8fae-d021ff78df8d","elementConfiguration":{"inheritDimensions":"inheritNone","width":"3.68 cm","height":"1.17 cm","binding":"UserProfile.EkstraLogo.ExtraLogoPPNEGDCU_{{DocumentLanguage}}","disableUpdates":false,"type":"image"}},{"type":"shape","id":"1f733241-9f01-4364-96ce-8c5f5898c854","elementConfiguration":{"inheritDimensions":"inheritNone","width":"2.42 cm","height":"2.5 cm","binding":"UserProfile.EkstraLogo.ExtraLogoFive_PP_DCU_{{DocumentLanguage}}","disableUpdates":false,"type":"image"}},{"type":"shape","id":"56226872-8317-4a6d-84ff-c0a926b0003b","elementConfiguration":{"inheritDimensions":"inheritNone","width":"2.42 cm","height":"2.5 cm","binding":"UserProfile.EkstraLogo.ExtraLogoTwo_PP_DCU_{{DocumentLanguage}}","disableUpdates":false,"type":"image"}},{"type":"shape","id":"4e26b83a-7a92-4854-9f1a-bb01f4d5ec5f","elementConfiguration":{"binding":"UserProfile.Name","visibility":{"action":"hide","binding":"Form.Manuel_dato","operator":"notEquals","compareValue":""},"disableUpdates":false,"type":"text"}},{"type":"shape","id":"9e5e3858-81c6-46af-9401-e756a004e19f","elementConfiguration":{"binding":"Form.Manuel_dato","visibility":{"action":"hide","operator":"equals","compareValue":""},"disableUpdates":false,"type":"text"}},{"type":"shape","id":"60a3dfb8-6f04-44cf-9e02-a86895311776","elementConfiguration":{"inheritDimensions":"inheritNone","width":"6.05 cm","height":"1.9 cm","binding":"UserProfile.EkstraLogo.ExtraLogoSix_PP_DCU_{{DocumentLanguage}}","disableUpdates":false,"type":"image"}},{"type":"shape","id":"8bf27447-c7be-41c2-91f0-29f39c3488cd","elementConfiguration":{"inheritDimensions":"inheritWidth","width":"1.91 cm","binding":"UserProfile.Office.LogoH_PP_DCU","disableUpdates":false,"type":"image"}},{"type":"shape","id":"d4cb5f9e-2d19-4be3-9242-20eaa5dbfaa8","elementConfiguration":{"inheritDimensions":"inheritNone","width":"3.68 cm","height":"1.17 cm","binding":"UserProfile.EkstraLogo.ExtraLogoPPDCU_{{DocumentLanguage}}","disableUpdates":false,"type":"image"}},{"type":"shape","id":"2c3e919f-093a-410f-8ea8-29a986bd3345","elementConfiguration":{"binding":"UserProfile.Office.Virksomhed_{{DocumentLanguage}}","disableUpdates":false,"type":"text"}},{"type":"shape","id":"d609ab11-2ccb-445b-9ad5-1a42df8509d9","elementConfiguration":{"binding":"UserProfile.CenterFreeText","visibility":{"action":"hide","binding":"UserProfile.Centers.CenterUI","operator":"notEquals","compareValue":"Intet valgt"},"disableUpdates":false,"type":"text"}},{"type":"shape","id":"1b4d1670-5138-40ec-abbf-39c6407c11ca","elementConfiguration":{"binding":"UserProfile.Centers.Center_{{DocumentLanguage}}","visibility":{"action":"hide","binding":"UserProfile.Centers.CenterUI","operator":"equals","compareValue":"Intet valgt"},"disableUpdates":false,"type":"text"}},{"type":"shape","id":"c441e938-c808-4719-867f-4bdcd425c857","elementConfiguration":{"binding":"Form.PresentationTitle","disableUpdates":false,"type":"text"}},{"type":"shape","id":"77c3528a-f34a-44a5-b5b4-cc8171cac0e0","elementConfiguration":{"inheritDimensions":"inheritNone","width":"2.42 cm","height":"2.5 cm","binding":"UserProfile.EkstraLogo.ExtraLogoFive_PP_DCU_{{DocumentLanguage}}","disableUpdates":false,"type":"image"}},{"type":"shape","id":"f6d75786-617d-4963-9cc4-6dc041ec7115","elementConfiguration":{"inheritDimensions":"inheritNone","width":"2.42 cm","height":"2.5 cm","binding":"UserProfile.EkstraLogo.ExtraLogoTwo_PP_DCU_{{DocumentLanguage}}","disableUpdates":false,"type":"image"}},{"type":"shape","id":"040201c3-d77e-4974-b3ad-bf26abb09da9","elementConfiguration":{"binding":"UserProfile.Name","visibility":{"action":"hide","binding":"Form.Manuel_dato","operator":"notEquals","compareValue":""},"disableUpdates":false,"type":"text"}},{"type":"shape","id":"19f0e4ff-9aa1-4c39-a3ee-21dc36838a20","elementConfiguration":{"binding":"Form.Manuel_dato","visibility":{"action":"hide","operator":"equals","compareValue":""},"disableUpdates":false,"type":"text"}},{"type":"shape","id":"4e19dfa5-1310-461b-83af-86c2238afaf1","elementConfiguration":{"inheritDimensions":"inheritNone","width":"1.9 cm","height":"19.05 cm","binding":"UserProfile.Office.LogoColor_DCU","disableUpdates":false,"type":"image"}},{"type":"shape","id":"2eb6eaf2-5980-4d63-b3b7-9d73df7bacfa","elementConfiguration":{"inheritDimensions":"inheritNone","width":"6.05 cm","height":"1.9 cm","binding":"UserProfile.EkstraLogo.ExtraLogoSix_PP_DCU_{{DocumentLanguage}}","disableUpdates":false,"type":"image"}},{"type":"shape","id":"9ff27568-a98c-41e4-a020-eb3f0b89c5fd","elementConfiguration":{"inheritDimensions":"inheritWidth","width":"1.91 cm","binding":"UserProfile.Office.LogoH_PP_DCU","disableUpdates":false,"type":"image"}},{"type":"shape","id":"a115d7f6-af69-41a1-9b13-a665fa588e40","elementConfiguration":{"binding":"UserProfile.Office.Virksomhed_{{DocumentLanguage}}","disableUpdates":false,"type":"text"}},{"type":"shape","id":"6119a9f8-f569-4259-be8e-42f32f197958","elementConfiguration":{"binding":"UserProfile.CenterFreeText","visibility":{"action":"hide","binding":"UserProfile.Centers.CenterUI","operator":"notEquals","compareValue":"Intet valgt"},"disableUpdates":false,"type":"text"}},{"type":"shape","id":"c86fbee6-0270-4280-94f5-58e2fa58db9d","elementConfiguration":{"binding":"UserProfile.Centers.Center_{{DocumentLanguage}}","visibility":{"action":"hide","binding":"UserProfile.Centers.CenterUI","operator":"equals","compareValue":"Intet valgt"},"disableUpdates":false,"type":"text"}},{"type":"shape","id":"619d62a7-5f44-4b92-bb1f-ba183814ad7c","elementConfiguration":{"binding":"Form.PresentationTitle","disableUpdates":false,"type":"text"}},{"type":"shape","id":"e1858041-1d02-4cc5-ba2b-ab5327bacf8f","elementConfiguration":{"inheritDimensions":"inheritNone","width":"1.9 cm","height":"1.9 cm","binding":"UserProfile.Office.LogoColor_DCU","disableUpdates":false,"type":"image"}},{"type":"shape","id":"ca050d22-14fa-4219-b88c-9dc7020a3188","elementConfiguration":{"inheritDimensions":"inheritNone","width":"3.68 cm","height":"1.17 cm","binding":"UserProfile.EkstraLogo.ExtraLogoPPNEGDCU_{{DocumentLanguage}}","disableUpdates":false,"type":"image"}},{"type":"shape","id":"fdec226b-9d6a-4f13-8810-d9f0ef7cb9c4","elementConfiguration":{"inheritDimensions":"inheritNone","width":"2.42 cm","height":"2.5 cm","binding":"UserProfile.EkstraLogo.ExtraLogoFive_PP_DCU_{{DocumentLanguage}}","disableUpdates":false,"type":"image"}},{"type":"shape","id":"9670374b-09b8-4bfe-9dff-733494f8665c","elementConfiguration":{"inheritDimensions":"inheritNone","width":"2.42 cm","height":"2.5 cm","binding":"UserProfile.EkstraLogo.ExtraLogoTwo_PP_DCU_{{DocumentLanguage}}","disableUpdates":false,"type":"image"}},{"type":"shape","id":"5b3cbb43-fc2c-4bac-ad51-e09c15d59936","elementConfiguration":{"binding":"UserProfile.Name","visibility":{"action":"hide","binding":"Form.Manuel_dato","operator":"notEquals","compareValue":""},"disableUpdates":false,"type":"text"}},{"type":"shape","id":"2fe54076-91b5-48e4-a4cc-83ef5f4d2640","elementConfiguration":{"binding":"Form.Manuel_dato","visibility":{"action":"hide","operator":"equals","compareValue":""},"disableUpdates":false,"type":"text"}},{"type":"shape","id":"2004da96-c28c-46da-be95-12028730b5f4","elementConfiguration":{"inheritDimensions":"inheritNone","width":"6.05 cm","height":"1.9 cm","binding":"UserProfile.EkstraLogo.ExtraLogoSix_PP_DCU_{{DocumentLanguage}}","disableUpdates":false,"type":"image"}},{"type":"shape","id":"a9fffa81-b965-4932-a811-ef45d9937317","elementConfiguration":{"inheritDimensions":"inheritWidth","width":"1.91 cm","binding":"UserProfile.Office.LogoH_PP_DCU","disableUpdates":false,"type":"image"}},{"type":"shape","id":"9a44fc4d-eca0-4782-878f-22eb643d7dba","elementConfiguration":{"binding":"UserProfile.Office.Virksomhed_{{DocumentLanguage}}","disableUpdates":false,"type":"text"}},{"type":"shape","id":"efac51b8-0645-4a39-b7bf-2b9d25c608cd","elementConfiguration":{"binding":"UserProfile.CenterFreeText","visibility":{"action":"hide","binding":"UserProfile.Centers.CenterUI","operator":"notEquals","compareValue":"Intet valgt"},"disableUpdates":false,"type":"text"}},{"type":"shape","id":"3f13aeb4-81f3-4d0b-a6c4-5bc6817ea2af","elementConfiguration":{"binding":"UserProfile.Centers.Center_{{DocumentLanguage}}","visibility":{"action":"hide","binding":"UserProfile.Centers.CenterUI","operator":"equals","compareValue":"Intet valgt"},"disableUpdates":false,"type":"text"}},{"type":"shape","id":"1cd55a72-950b-4754-9f2c-6b1222c3f082","elementConfiguration":{"binding":"Form.PresentationTitle","disableUpdates":false,"type":"text"}},{"type":"shape","id":"15ac4f2e-7214-49a7-a5ca-94b01b23c2f0","elementConfiguration":{"inheritDimensions":"inheritNone","width":"2.42 cm","height":"2.5 cm","binding":"UserProfile.EkstraLogo.ExtraLogoFive_PP_DCU_{{DocumentLanguage}}","disableUpdates":false,"type":"image"}},{"type":"shape","id":"6a54ac71-9201-4bc2-9c2a-622992597270","elementConfiguration":{"inheritDimensions":"inheritNone","width":"2.42 cm","height":"2.5 cm","binding":"UserProfile.EkstraLogo.ExtraLogoTwo_PP_DCU_{{DocumentLanguage}}","disableUpdates":false,"type":"image"}},{"type":"shape","id":"71ac38ef-d72a-4d70-b421-998ab6382e2c","elementConfiguration":{"binding":"UserProfile.Name","visibility":{"action":"hide","binding":"Form.Manuel_dato","operator":"notEquals","compareValue":""},"disableUpdates":false,"type":"text"}},{"type":"shape","id":"99f0a614-e147-4a3b-aae7-bfa012683bb7","elementConfiguration":{"binding":"Form.Manuel_dato","visibility":{"action":"hide","operator":"equals","compareValue":""},"disableUpdates":false,"type":"text"}},{"type":"shape","id":"446933a3-7d53-4eb8-86ff-babd7558f86a","elementConfiguration":{"inheritDimensions":"inheritNone","width":"1.9 cm","height":"19.05 cm","binding":"UserProfile.Office.LogoColor_DCU","disableUpdates":false,"type":"image"}},{"type":"shape","id":"3382fa2d-e894-4f43-ba5d-009f18b16351","elementConfiguration":{"inheritDimensions":"inheritNone","width":"3.68 cm","height":"1.17 cm","binding":"UserProfile.EkstraLogo.ExtraLogoPPNEGDCU_{{DocumentLanguage}}","disableUpdates":false,"type":"image"}},{"type":"shape","id":"20313fe6-7dd2-4263-abc5-f387a7cfb42d","elementConfiguration":{"inheritDimensions":"inheritNone","width":"6.05 cm","height":"1.9 cm","binding":"UserProfile.EkstraLogo.ExtraLogoSix_PP_DCU_{{DocumentLanguage}}","disableUpdates":false,"type":"image"}},{"type":"shape","id":"f1f9f509-d736-49a3-9f5e-18417a3f506e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26957DE-A263-4C3E-96D4-107DEBA1D471}">
  <ds:schemaRefs/>
</ds:datastoreItem>
</file>

<file path=customXml/itemProps10.xml><?xml version="1.0" encoding="utf-8"?>
<ds:datastoreItem xmlns:ds="http://schemas.openxmlformats.org/officeDocument/2006/customXml" ds:itemID="{BE8F26EB-1153-4B98-AAC3-D117DA0F337D}">
  <ds:schemaRefs/>
</ds:datastoreItem>
</file>

<file path=customXml/itemProps2.xml><?xml version="1.0" encoding="utf-8"?>
<ds:datastoreItem xmlns:ds="http://schemas.openxmlformats.org/officeDocument/2006/customXml" ds:itemID="{1D7E9E62-33BB-4D1B-A60A-11F6213652CE}">
  <ds:schemaRefs/>
</ds:datastoreItem>
</file>

<file path=customXml/itemProps3.xml><?xml version="1.0" encoding="utf-8"?>
<ds:datastoreItem xmlns:ds="http://schemas.openxmlformats.org/officeDocument/2006/customXml" ds:itemID="{B0D2E709-FA3C-4E2D-A1F5-DD257C406372}">
  <ds:schemaRefs/>
</ds:datastoreItem>
</file>

<file path=customXml/itemProps4.xml><?xml version="1.0" encoding="utf-8"?>
<ds:datastoreItem xmlns:ds="http://schemas.openxmlformats.org/officeDocument/2006/customXml" ds:itemID="{E53D1538-2B10-42E3-B3A2-D052B27F0EF7}">
  <ds:schemaRefs/>
</ds:datastoreItem>
</file>

<file path=customXml/itemProps5.xml><?xml version="1.0" encoding="utf-8"?>
<ds:datastoreItem xmlns:ds="http://schemas.openxmlformats.org/officeDocument/2006/customXml" ds:itemID="{7FA764BE-93AE-4A1F-94F8-EB73EE3F6FA7}">
  <ds:schemaRefs/>
</ds:datastoreItem>
</file>

<file path=customXml/itemProps6.xml><?xml version="1.0" encoding="utf-8"?>
<ds:datastoreItem xmlns:ds="http://schemas.openxmlformats.org/officeDocument/2006/customXml" ds:itemID="{7200C2A8-2F34-4CEB-AC93-8D1E85273CDA}">
  <ds:schemaRefs/>
</ds:datastoreItem>
</file>

<file path=customXml/itemProps7.xml><?xml version="1.0" encoding="utf-8"?>
<ds:datastoreItem xmlns:ds="http://schemas.openxmlformats.org/officeDocument/2006/customXml" ds:itemID="{5DFC8546-DDC8-489F-B7A8-6D524B97984E}">
  <ds:schemaRefs/>
</ds:datastoreItem>
</file>

<file path=customXml/itemProps8.xml><?xml version="1.0" encoding="utf-8"?>
<ds:datastoreItem xmlns:ds="http://schemas.openxmlformats.org/officeDocument/2006/customXml" ds:itemID="{978984FF-6C25-4FD4-85EA-2F9586C8CA61}">
  <ds:schemaRefs/>
</ds:datastoreItem>
</file>

<file path=customXml/itemProps9.xml><?xml version="1.0" encoding="utf-8"?>
<ds:datastoreItem xmlns:ds="http://schemas.openxmlformats.org/officeDocument/2006/customXml" ds:itemID="{B518EF32-D7ED-4D8E-80D0-C33C01DB34B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096</Words>
  <Application>Microsoft Office PowerPoint</Application>
  <PresentationFormat>Widescreen</PresentationFormat>
  <Paragraphs>103</Paragraphs>
  <Slides>10</Slides>
  <Notes>9</Notes>
  <HiddenSlides>0</HiddenSlides>
  <MMClips>1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3" baseType="lpstr">
      <vt:lpstr>Arial</vt:lpstr>
      <vt:lpstr>Calibri</vt:lpstr>
      <vt:lpstr>REGION H Hospital PowerPoint Skabelon_DKfinal</vt:lpstr>
      <vt:lpstr>Quality of recovery (QoR) efter elektiv kirurgi, målt med digitalt QoR-15D spørgeskema. Dagkirurgisk Afdeling 141, Hvidovre Hospital  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 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3-06-12T14:24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8-18T11:59:43.944016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231525589982664</vt:lpwstr>
  </property>
  <property fmtid="{D5CDD505-2E9C-101B-9397-08002B2CF9AE}" pid="7" name="TemplafyLanguageCode">
    <vt:lpwstr>da-DK</vt:lpwstr>
  </property>
</Properties>
</file>